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4001\04_教育ビジョン・広報グループ\05_かながわ教育ビジョン\03_かながわ教育月間\01_かながわ教育月間\03_かながわ教育月間_イベント実施結果\06_HP掲載\02_施行\"/>
    </mc:Choice>
  </mc:AlternateContent>
  <bookViews>
    <workbookView xWindow="0" yWindow="0" windowWidth="19891" windowHeight="7635"/>
  </bookViews>
  <sheets>
    <sheet name="HP掲載用"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s>
  <definedNames>
    <definedName name="_xlnm._FilterDatabase" localSheetId="0" hidden="1">HP掲載用!$B$2:$O$125</definedName>
    <definedName name="_xlnm.Print_Area" localSheetId="0">HP掲載用!$A$1:$O$125</definedName>
    <definedName name="_xlnm.Print_Titles" localSheetId="0">HP掲載用!$1:$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O112" i="1" l="1"/>
  <c r="O111" i="1"/>
  <c r="O60" i="1"/>
  <c r="O58" i="1"/>
</calcChain>
</file>

<file path=xl/sharedStrings.xml><?xml version="1.0" encoding="utf-8"?>
<sst xmlns="http://schemas.openxmlformats.org/spreadsheetml/2006/main" count="1689" uniqueCount="727">
  <si>
    <t>《令和５年度「かながわ教育月間」教育イベント一覧》【県立学校】</t>
    <rPh sb="26" eb="28">
      <t>ケンリツ</t>
    </rPh>
    <rPh sb="28" eb="30">
      <t>ガッコウ</t>
    </rPh>
    <phoneticPr fontId="4"/>
  </si>
  <si>
    <t>(1)市町村名</t>
    <rPh sb="3" eb="6">
      <t>シチョウソン</t>
    </rPh>
    <rPh sb="6" eb="7">
      <t>メイ</t>
    </rPh>
    <phoneticPr fontId="4"/>
  </si>
  <si>
    <t>(2)イベントの名称</t>
    <phoneticPr fontId="4"/>
  </si>
  <si>
    <t>(3)イベントの類型</t>
    <rPh sb="8" eb="10">
      <t>ルイケイ</t>
    </rPh>
    <phoneticPr fontId="4"/>
  </si>
  <si>
    <t>(4)イベントの概要</t>
    <rPh sb="8" eb="10">
      <t>ガイヨウ</t>
    </rPh>
    <phoneticPr fontId="4"/>
  </si>
  <si>
    <t>(5-1)
開催開始日</t>
    <phoneticPr fontId="4"/>
  </si>
  <si>
    <t>(5-2)
開催終了日</t>
    <phoneticPr fontId="4"/>
  </si>
  <si>
    <t>(6)開催場所
（施設名称）</t>
    <phoneticPr fontId="4"/>
  </si>
  <si>
    <t>(7)アクセス
（最寄り駅等）</t>
    <phoneticPr fontId="4"/>
  </si>
  <si>
    <t>(8)主催機関</t>
    <phoneticPr fontId="4"/>
  </si>
  <si>
    <t>(9)参加対象・条件</t>
    <phoneticPr fontId="4"/>
  </si>
  <si>
    <t>(10)料金</t>
    <phoneticPr fontId="4"/>
  </si>
  <si>
    <t>(11)申込み</t>
    <rPh sb="4" eb="6">
      <t>モウシコミ</t>
    </rPh>
    <phoneticPr fontId="4"/>
  </si>
  <si>
    <t>(12)問合せ先</t>
    <phoneticPr fontId="4"/>
  </si>
  <si>
    <t>(13)イベントURL</t>
    <phoneticPr fontId="4"/>
  </si>
  <si>
    <t>横浜市</t>
    <rPh sb="0" eb="3">
      <t>ヨコハマシ</t>
    </rPh>
    <phoneticPr fontId="4"/>
  </si>
  <si>
    <t>第18回青春かながわ校歌祭</t>
    <rPh sb="0" eb="1">
      <t>ダイ</t>
    </rPh>
    <rPh sb="3" eb="4">
      <t>カイ</t>
    </rPh>
    <rPh sb="4" eb="6">
      <t>セイシュン</t>
    </rPh>
    <rPh sb="10" eb="12">
      <t>コウカ</t>
    </rPh>
    <rPh sb="12" eb="13">
      <t>マツ</t>
    </rPh>
    <phoneticPr fontId="4"/>
  </si>
  <si>
    <t>③文化</t>
  </si>
  <si>
    <t>神奈川県内の県立高校の同窓生有志を中心に、在校生も交えて各校の校歌・応援歌等を披露し、その伝承及び振興を図るとともに卒業生と在校生が交流し親睦を深める。</t>
    <rPh sb="0" eb="3">
      <t>カナガワ</t>
    </rPh>
    <rPh sb="3" eb="5">
      <t>ケンナイ</t>
    </rPh>
    <rPh sb="6" eb="8">
      <t>ケンリツ</t>
    </rPh>
    <rPh sb="8" eb="10">
      <t>コウコウ</t>
    </rPh>
    <rPh sb="11" eb="14">
      <t>ドウソウセイ</t>
    </rPh>
    <rPh sb="14" eb="16">
      <t>ユウシ</t>
    </rPh>
    <rPh sb="17" eb="19">
      <t>チュウシン</t>
    </rPh>
    <rPh sb="21" eb="24">
      <t>ザイコウセイ</t>
    </rPh>
    <rPh sb="25" eb="26">
      <t>マジ</t>
    </rPh>
    <rPh sb="28" eb="30">
      <t>カクコウ</t>
    </rPh>
    <rPh sb="31" eb="33">
      <t>コウカ</t>
    </rPh>
    <rPh sb="34" eb="37">
      <t>オウエンカ</t>
    </rPh>
    <rPh sb="37" eb="38">
      <t>トウ</t>
    </rPh>
    <rPh sb="39" eb="41">
      <t>ヒロウ</t>
    </rPh>
    <rPh sb="45" eb="47">
      <t>デンショウ</t>
    </rPh>
    <rPh sb="47" eb="48">
      <t>オヨ</t>
    </rPh>
    <rPh sb="49" eb="51">
      <t>シンコウ</t>
    </rPh>
    <rPh sb="52" eb="53">
      <t>ハカ</t>
    </rPh>
    <rPh sb="58" eb="61">
      <t>ソツギョウセイ</t>
    </rPh>
    <rPh sb="62" eb="65">
      <t>ザイコウセイ</t>
    </rPh>
    <rPh sb="66" eb="68">
      <t>コウリュウ</t>
    </rPh>
    <rPh sb="69" eb="71">
      <t>シンボク</t>
    </rPh>
    <rPh sb="72" eb="73">
      <t>フカ</t>
    </rPh>
    <phoneticPr fontId="4"/>
  </si>
  <si>
    <t>2023/10/21</t>
    <phoneticPr fontId="4"/>
  </si>
  <si>
    <t>県立青少年センターホール</t>
    <rPh sb="0" eb="2">
      <t>ケンリツ</t>
    </rPh>
    <rPh sb="2" eb="5">
      <t>セイショウネン</t>
    </rPh>
    <phoneticPr fontId="4"/>
  </si>
  <si>
    <t>ＪＲ根岸線
桜木町駅</t>
    <rPh sb="2" eb="5">
      <t>ネギシセン</t>
    </rPh>
    <rPh sb="6" eb="10">
      <t>サクラギチョウエキ</t>
    </rPh>
    <phoneticPr fontId="4"/>
  </si>
  <si>
    <t>かながわ校歌祭振興会</t>
    <rPh sb="4" eb="6">
      <t>コウカ</t>
    </rPh>
    <rPh sb="6" eb="7">
      <t>マツ</t>
    </rPh>
    <rPh sb="7" eb="10">
      <t>シンコウカイ</t>
    </rPh>
    <phoneticPr fontId="4"/>
  </si>
  <si>
    <t>卒業生・在校生・教職員</t>
    <rPh sb="0" eb="3">
      <t>ソツギョウセイ</t>
    </rPh>
    <rPh sb="4" eb="7">
      <t>ザイコウセイ</t>
    </rPh>
    <rPh sb="8" eb="11">
      <t>キョウショクイン</t>
    </rPh>
    <phoneticPr fontId="4"/>
  </si>
  <si>
    <t>無料</t>
  </si>
  <si>
    <t>不要</t>
  </si>
  <si>
    <t>かながわ校歌祭実行委員会</t>
    <rPh sb="4" eb="6">
      <t>コウカ</t>
    </rPh>
    <rPh sb="6" eb="7">
      <t>マツ</t>
    </rPh>
    <rPh sb="7" eb="9">
      <t>ジッコウ</t>
    </rPh>
    <rPh sb="9" eb="12">
      <t>イインカイ</t>
    </rPh>
    <phoneticPr fontId="4"/>
  </si>
  <si>
    <t>https://www.e-sply.jp</t>
    <phoneticPr fontId="4"/>
  </si>
  <si>
    <t>横浜市
鶴見区</t>
    <rPh sb="0" eb="3">
      <t>ヨコハマシ</t>
    </rPh>
    <phoneticPr fontId="4"/>
  </si>
  <si>
    <t>第１回学校説明会</t>
    <rPh sb="0" eb="1">
      <t>ダイ</t>
    </rPh>
    <rPh sb="2" eb="3">
      <t>カイ</t>
    </rPh>
    <rPh sb="3" eb="5">
      <t>ガッコウ</t>
    </rPh>
    <rPh sb="5" eb="8">
      <t>セツメイカイ</t>
    </rPh>
    <phoneticPr fontId="4"/>
  </si>
  <si>
    <t>②教育（学校教育）</t>
  </si>
  <si>
    <t>本校の３年間の学習プログラムや学校生活の様子、主な進路実績等を受検生やその保護者に向けて説明します。</t>
    <phoneticPr fontId="4"/>
  </si>
  <si>
    <t>2023/9/23</t>
    <phoneticPr fontId="4"/>
  </si>
  <si>
    <t>鶴見総合高等学校</t>
    <rPh sb="0" eb="8">
      <t>ツルミソウゴウコウトウガッコウ</t>
    </rPh>
    <phoneticPr fontId="4"/>
  </si>
  <si>
    <t>鶴見駅、川崎駅よりバス</t>
    <rPh sb="0" eb="2">
      <t>ツルミ</t>
    </rPh>
    <rPh sb="2" eb="3">
      <t>エキ</t>
    </rPh>
    <rPh sb="4" eb="7">
      <t>カワサキエキ</t>
    </rPh>
    <phoneticPr fontId="4"/>
  </si>
  <si>
    <t>鶴見総合高等学校</t>
    <rPh sb="0" eb="2">
      <t>ツルミ</t>
    </rPh>
    <rPh sb="2" eb="4">
      <t>ソウゴウ</t>
    </rPh>
    <rPh sb="4" eb="6">
      <t>コウトウ</t>
    </rPh>
    <rPh sb="6" eb="8">
      <t>ガッコウ</t>
    </rPh>
    <phoneticPr fontId="4"/>
  </si>
  <si>
    <t>本校に関心のある中学生及びその保護者</t>
  </si>
  <si>
    <t>鶴見総合高等学校　研究広報グループ</t>
    <rPh sb="0" eb="8">
      <t>ツルミソウゴウコウトウガッコウ</t>
    </rPh>
    <rPh sb="9" eb="13">
      <t>ケンキュウコウホウ</t>
    </rPh>
    <phoneticPr fontId="4"/>
  </si>
  <si>
    <t>https://www.pen-kanagawa.ed.jp/tsurumisogo-ih/index.html</t>
    <phoneticPr fontId="4"/>
  </si>
  <si>
    <t>横浜市
神奈川区</t>
    <rPh sb="0" eb="3">
      <t>ヨコハマシ</t>
    </rPh>
    <phoneticPr fontId="4"/>
  </si>
  <si>
    <t>学校説明会（第１回）</t>
    <rPh sb="0" eb="2">
      <t>ガッコウ</t>
    </rPh>
    <rPh sb="2" eb="5">
      <t>セツメイカイ</t>
    </rPh>
    <rPh sb="6" eb="7">
      <t>ダイ</t>
    </rPh>
    <rPh sb="8" eb="9">
      <t>カイ</t>
    </rPh>
    <phoneticPr fontId="4"/>
  </si>
  <si>
    <t>中学生とその保護者を対象に本校の概要、進路指導、学校生活等について紹介する。</t>
    <rPh sb="0" eb="3">
      <t>チュウガクセイ</t>
    </rPh>
    <rPh sb="6" eb="9">
      <t>ホゴシャ</t>
    </rPh>
    <rPh sb="10" eb="12">
      <t>タイショウ</t>
    </rPh>
    <rPh sb="13" eb="15">
      <t>ホンコウ</t>
    </rPh>
    <rPh sb="16" eb="18">
      <t>ガイヨウ</t>
    </rPh>
    <rPh sb="19" eb="21">
      <t>シンロ</t>
    </rPh>
    <rPh sb="21" eb="23">
      <t>シドウ</t>
    </rPh>
    <rPh sb="24" eb="26">
      <t>ガッコウ</t>
    </rPh>
    <rPh sb="26" eb="28">
      <t>セイカツ</t>
    </rPh>
    <rPh sb="28" eb="29">
      <t>トウ</t>
    </rPh>
    <rPh sb="33" eb="35">
      <t>ショウカイ</t>
    </rPh>
    <phoneticPr fontId="4"/>
  </si>
  <si>
    <t>2023/9/18</t>
    <phoneticPr fontId="4"/>
  </si>
  <si>
    <t>横浜市西公会堂</t>
    <rPh sb="0" eb="3">
      <t>ヨコハマシ</t>
    </rPh>
    <rPh sb="3" eb="4">
      <t>ニシ</t>
    </rPh>
    <rPh sb="4" eb="7">
      <t>コウカイドウ</t>
    </rPh>
    <phoneticPr fontId="4"/>
  </si>
  <si>
    <t>横浜駅</t>
    <rPh sb="0" eb="3">
      <t>ヨコハマエキ</t>
    </rPh>
    <phoneticPr fontId="4"/>
  </si>
  <si>
    <t>横浜翠嵐高等学校</t>
    <rPh sb="0" eb="2">
      <t>ヨコハマ</t>
    </rPh>
    <rPh sb="2" eb="4">
      <t>スイラン</t>
    </rPh>
    <rPh sb="4" eb="6">
      <t>コウトウ</t>
    </rPh>
    <rPh sb="6" eb="8">
      <t>ガッコウ</t>
    </rPh>
    <phoneticPr fontId="4"/>
  </si>
  <si>
    <t>中学生とその保護者</t>
    <rPh sb="0" eb="3">
      <t>チュウガクセイ</t>
    </rPh>
    <rPh sb="6" eb="9">
      <t>ホゴシャ</t>
    </rPh>
    <phoneticPr fontId="4"/>
  </si>
  <si>
    <t>要</t>
  </si>
  <si>
    <t>横浜翠嵐高等学校</t>
    <rPh sb="0" eb="8">
      <t>ヨコハマスイランコウトウガッコウ</t>
    </rPh>
    <phoneticPr fontId="4"/>
  </si>
  <si>
    <t>https://www.pen-kanagawa.ed.jp/yokohamasuiran-h/zennichi/index.html</t>
    <phoneticPr fontId="4"/>
  </si>
  <si>
    <t>翔鷗祭（文化祭）</t>
    <rPh sb="0" eb="3">
      <t>ショウオウサイ</t>
    </rPh>
    <rPh sb="4" eb="7">
      <t>ブンカサイ</t>
    </rPh>
    <phoneticPr fontId="4"/>
  </si>
  <si>
    <t>生徒が自主的に作り上げる文化祭。神奈川総合校高等学校の中でも屈指のイベントで今年度はコロナ禍前のイメージに近づけて行う予定。</t>
    <rPh sb="0" eb="2">
      <t>セイト</t>
    </rPh>
    <rPh sb="3" eb="6">
      <t>ジシュテキ</t>
    </rPh>
    <rPh sb="7" eb="8">
      <t>ツク</t>
    </rPh>
    <rPh sb="9" eb="10">
      <t>ア</t>
    </rPh>
    <rPh sb="12" eb="15">
      <t>ブンカサイ</t>
    </rPh>
    <rPh sb="16" eb="26">
      <t>カナガワソウゴウコウコウトウガッコウ</t>
    </rPh>
    <rPh sb="27" eb="28">
      <t>ナカ</t>
    </rPh>
    <rPh sb="30" eb="32">
      <t>クッシ</t>
    </rPh>
    <rPh sb="38" eb="41">
      <t>コンネンド</t>
    </rPh>
    <rPh sb="45" eb="46">
      <t>カ</t>
    </rPh>
    <rPh sb="46" eb="47">
      <t>マエ</t>
    </rPh>
    <rPh sb="53" eb="54">
      <t>チカ</t>
    </rPh>
    <rPh sb="57" eb="58">
      <t>オコナ</t>
    </rPh>
    <rPh sb="59" eb="61">
      <t>ヨテイ</t>
    </rPh>
    <phoneticPr fontId="4"/>
  </si>
  <si>
    <t>2023/9/24</t>
    <phoneticPr fontId="4"/>
  </si>
  <si>
    <t>神奈川総合高等学校</t>
    <rPh sb="0" eb="5">
      <t>カナガワソウゴウ</t>
    </rPh>
    <rPh sb="5" eb="9">
      <t>コウトウガッコウ</t>
    </rPh>
    <phoneticPr fontId="4"/>
  </si>
  <si>
    <t>東白楽駅
東神奈川駅
京急東神奈川駅</t>
    <rPh sb="0" eb="3">
      <t>ヒガシハクラク</t>
    </rPh>
    <rPh sb="3" eb="4">
      <t>エキ</t>
    </rPh>
    <rPh sb="5" eb="10">
      <t>ヒガシカナガワエキ</t>
    </rPh>
    <rPh sb="11" eb="13">
      <t>ケイキュウ</t>
    </rPh>
    <rPh sb="13" eb="18">
      <t>ヒガシカナガワエキ</t>
    </rPh>
    <phoneticPr fontId="4"/>
  </si>
  <si>
    <t>神奈川総合高等学校</t>
    <rPh sb="0" eb="9">
      <t>カナガワソウゴウコウトウガッコウ</t>
    </rPh>
    <phoneticPr fontId="4"/>
  </si>
  <si>
    <t>神奈川総合高等学校に関心のある人</t>
    <rPh sb="0" eb="3">
      <t>カナガワ</t>
    </rPh>
    <rPh sb="3" eb="5">
      <t>ソウゴウ</t>
    </rPh>
    <rPh sb="5" eb="7">
      <t>コウトウ</t>
    </rPh>
    <rPh sb="7" eb="9">
      <t>ガッコウ</t>
    </rPh>
    <rPh sb="10" eb="12">
      <t>カンシン</t>
    </rPh>
    <rPh sb="15" eb="16">
      <t>ヒト</t>
    </rPh>
    <phoneticPr fontId="4"/>
  </si>
  <si>
    <t>pen-kanagawa.ed.jp</t>
    <phoneticPr fontId="4"/>
  </si>
  <si>
    <t>学校説明会（第２回）</t>
    <rPh sb="0" eb="2">
      <t>ガッコウ</t>
    </rPh>
    <rPh sb="2" eb="5">
      <t>セツメイカイ</t>
    </rPh>
    <rPh sb="6" eb="7">
      <t>ダイ</t>
    </rPh>
    <rPh sb="8" eb="9">
      <t>カイ</t>
    </rPh>
    <phoneticPr fontId="4"/>
  </si>
  <si>
    <t>TECH LAB</t>
  </si>
  <si>
    <t>多くの中学生に早い時期から工業高校での学びについて広く興味・関心を持たせることを目的としたものづくり体験教室。</t>
    <rPh sb="0" eb="1">
      <t>オオ</t>
    </rPh>
    <rPh sb="3" eb="6">
      <t>チュウガクセイ</t>
    </rPh>
    <rPh sb="7" eb="8">
      <t>ハヤ</t>
    </rPh>
    <rPh sb="9" eb="11">
      <t>ジキ</t>
    </rPh>
    <rPh sb="13" eb="15">
      <t>コウギョウ</t>
    </rPh>
    <rPh sb="15" eb="17">
      <t>コウコウ</t>
    </rPh>
    <rPh sb="19" eb="20">
      <t>マナ</t>
    </rPh>
    <rPh sb="25" eb="26">
      <t>ヒロ</t>
    </rPh>
    <rPh sb="27" eb="29">
      <t>キョウミ</t>
    </rPh>
    <rPh sb="30" eb="32">
      <t>カンシン</t>
    </rPh>
    <rPh sb="33" eb="34">
      <t>モ</t>
    </rPh>
    <rPh sb="40" eb="42">
      <t>モクテキ</t>
    </rPh>
    <rPh sb="50" eb="52">
      <t>タイケン</t>
    </rPh>
    <rPh sb="52" eb="54">
      <t>キョウシツ</t>
    </rPh>
    <phoneticPr fontId="4"/>
  </si>
  <si>
    <t>2023/10/7</t>
    <phoneticPr fontId="4"/>
  </si>
  <si>
    <t>神奈川工業高等学校</t>
    <rPh sb="0" eb="9">
      <t>カナガワコウギョウコウトウガッコウ</t>
    </rPh>
    <phoneticPr fontId="4"/>
  </si>
  <si>
    <t>東白楽駅
東神奈川駅</t>
    <rPh sb="0" eb="1">
      <t>ヒガシ</t>
    </rPh>
    <rPh sb="1" eb="3">
      <t>ハクラク</t>
    </rPh>
    <rPh sb="3" eb="4">
      <t>エキ</t>
    </rPh>
    <rPh sb="5" eb="6">
      <t>ヒガシ</t>
    </rPh>
    <rPh sb="6" eb="9">
      <t>カナガワ</t>
    </rPh>
    <rPh sb="9" eb="10">
      <t>エキ</t>
    </rPh>
    <phoneticPr fontId="4"/>
  </si>
  <si>
    <t>工業教育に関心のある中学生</t>
    <rPh sb="0" eb="2">
      <t>コウギョウ</t>
    </rPh>
    <rPh sb="2" eb="4">
      <t>キョウイク</t>
    </rPh>
    <rPh sb="5" eb="7">
      <t>カンシン</t>
    </rPh>
    <rPh sb="10" eb="13">
      <t>チュウガクセイ</t>
    </rPh>
    <phoneticPr fontId="4"/>
  </si>
  <si>
    <t>神奈川工業高等学校
企画・研究グループ</t>
    <rPh sb="0" eb="9">
      <t>カナガワコウギョウコウトウガッコウ</t>
    </rPh>
    <rPh sb="10" eb="12">
      <t>キカク</t>
    </rPh>
    <rPh sb="13" eb="15">
      <t>ケンキュウ</t>
    </rPh>
    <phoneticPr fontId="4"/>
  </si>
  <si>
    <t>https://www.pen-kanagawa.ed.jp/kanagawa-th/zennichi/index.html</t>
    <phoneticPr fontId="4"/>
  </si>
  <si>
    <t>学校説明会</t>
    <rPh sb="0" eb="5">
      <t>ガッコウセツメイカイ</t>
    </rPh>
    <phoneticPr fontId="4"/>
  </si>
  <si>
    <t>本校を紹介する説明会。在校生も説明を行う説明会。個別相談会もあります。</t>
    <rPh sb="0" eb="2">
      <t>ホンコウ</t>
    </rPh>
    <rPh sb="3" eb="5">
      <t>ショウカイ</t>
    </rPh>
    <rPh sb="7" eb="10">
      <t>セツメイカイ</t>
    </rPh>
    <rPh sb="11" eb="14">
      <t>ザイコウセイ</t>
    </rPh>
    <rPh sb="15" eb="17">
      <t>セツメイ</t>
    </rPh>
    <rPh sb="18" eb="19">
      <t>オコナ</t>
    </rPh>
    <rPh sb="20" eb="23">
      <t>セツメイカイ</t>
    </rPh>
    <rPh sb="24" eb="29">
      <t>コベツソウダンカイ</t>
    </rPh>
    <phoneticPr fontId="4"/>
  </si>
  <si>
    <t>2023/10/14</t>
    <phoneticPr fontId="4"/>
  </si>
  <si>
    <t>令和5年度「神工祭」</t>
    <rPh sb="0" eb="2">
      <t>レイワ</t>
    </rPh>
    <rPh sb="3" eb="5">
      <t>ネンド</t>
    </rPh>
    <rPh sb="6" eb="7">
      <t>ジン</t>
    </rPh>
    <rPh sb="7" eb="8">
      <t>コウ</t>
    </rPh>
    <rPh sb="8" eb="9">
      <t>サイ</t>
    </rPh>
    <phoneticPr fontId="4"/>
  </si>
  <si>
    <t>神奈川工業高等学校（全日制・定時制）の文化祭です。クラス・委員会・部活動等の展示・発表が行われます。</t>
    <rPh sb="0" eb="3">
      <t>カナガワ</t>
    </rPh>
    <rPh sb="3" eb="5">
      <t>コウギョウ</t>
    </rPh>
    <rPh sb="5" eb="7">
      <t>コウトウ</t>
    </rPh>
    <rPh sb="7" eb="9">
      <t>ガッコウ</t>
    </rPh>
    <rPh sb="10" eb="13">
      <t>ゼンニチセイ</t>
    </rPh>
    <rPh sb="14" eb="17">
      <t>テイジセイ</t>
    </rPh>
    <rPh sb="19" eb="22">
      <t>ブンカサイ</t>
    </rPh>
    <rPh sb="29" eb="32">
      <t>イインカイ</t>
    </rPh>
    <rPh sb="33" eb="37">
      <t>ブカツドウトウ</t>
    </rPh>
    <rPh sb="38" eb="40">
      <t>テンジ</t>
    </rPh>
    <rPh sb="41" eb="43">
      <t>ハッピョウ</t>
    </rPh>
    <rPh sb="44" eb="45">
      <t>オコナ</t>
    </rPh>
    <phoneticPr fontId="4"/>
  </si>
  <si>
    <t>2023/10/22</t>
    <phoneticPr fontId="4"/>
  </si>
  <si>
    <t>東白楽駅
東神奈川駅
京急東神奈川駅</t>
    <rPh sb="0" eb="4">
      <t>ヒガシハクラクエキ</t>
    </rPh>
    <rPh sb="5" eb="10">
      <t>ヒガシカナガワエキ</t>
    </rPh>
    <rPh sb="11" eb="17">
      <t>ケイキュウヒガシカナガワ</t>
    </rPh>
    <rPh sb="17" eb="18">
      <t>エキ</t>
    </rPh>
    <phoneticPr fontId="4"/>
  </si>
  <si>
    <t>神奈川工業高等学校</t>
    <rPh sb="0" eb="5">
      <t>カナガワコウギョウ</t>
    </rPh>
    <rPh sb="5" eb="7">
      <t>コウトウ</t>
    </rPh>
    <phoneticPr fontId="4"/>
  </si>
  <si>
    <t>県民</t>
    <rPh sb="0" eb="2">
      <t>ケンミン</t>
    </rPh>
    <phoneticPr fontId="4"/>
  </si>
  <si>
    <t>神奈川工業高等学校 定時制 生徒支援グループ</t>
    <rPh sb="0" eb="9">
      <t>カナガワコウギョウコウトウガッコウ</t>
    </rPh>
    <rPh sb="10" eb="13">
      <t>テイジセイ</t>
    </rPh>
    <rPh sb="14" eb="16">
      <t>セイト</t>
    </rPh>
    <rPh sb="16" eb="18">
      <t>シエン</t>
    </rPh>
    <phoneticPr fontId="4"/>
  </si>
  <si>
    <t>https://www.pen-kanagawa.ed.jp/kanagawa-th/</t>
    <phoneticPr fontId="4"/>
  </si>
  <si>
    <t>中学3年生生徒・保護者対象「定時制・学校見学会」</t>
    <rPh sb="14" eb="17">
      <t>テイジセイ</t>
    </rPh>
    <rPh sb="18" eb="23">
      <t>ガッコウケンガクカイ</t>
    </rPh>
    <phoneticPr fontId="4"/>
  </si>
  <si>
    <t>中学3年生生徒・保護者対象の「定時制・学校見学会」です。18：30～19：30を予定しています。事前の申し込みが必要です。</t>
    <rPh sb="0" eb="2">
      <t>チュウガク</t>
    </rPh>
    <rPh sb="3" eb="5">
      <t>ネンセイ</t>
    </rPh>
    <rPh sb="5" eb="7">
      <t>セイト</t>
    </rPh>
    <rPh sb="8" eb="11">
      <t>ホゴシャ</t>
    </rPh>
    <rPh sb="11" eb="13">
      <t>タイショウ</t>
    </rPh>
    <rPh sb="15" eb="18">
      <t>テイジセイ</t>
    </rPh>
    <rPh sb="19" eb="21">
      <t>ガッコウ</t>
    </rPh>
    <rPh sb="21" eb="24">
      <t>ケンガクカイ</t>
    </rPh>
    <rPh sb="40" eb="42">
      <t>ヨテイ</t>
    </rPh>
    <rPh sb="48" eb="50">
      <t>ジゼン</t>
    </rPh>
    <rPh sb="51" eb="52">
      <t>モウ</t>
    </rPh>
    <rPh sb="53" eb="54">
      <t>コ</t>
    </rPh>
    <rPh sb="56" eb="58">
      <t>ヒツヨウ</t>
    </rPh>
    <phoneticPr fontId="4"/>
  </si>
  <si>
    <t>2023/10/26</t>
    <phoneticPr fontId="4"/>
  </si>
  <si>
    <t>神奈川工業高等学校　定時制</t>
    <rPh sb="0" eb="9">
      <t>カナガワコウギョウコウトウガッコウ</t>
    </rPh>
    <rPh sb="10" eb="13">
      <t>テイジセイ</t>
    </rPh>
    <phoneticPr fontId="4"/>
  </si>
  <si>
    <t>神奈川工業高等学校 定時制 専門学科グループ</t>
    <rPh sb="0" eb="9">
      <t>カナガワコウギョウコウトウガッコウ</t>
    </rPh>
    <rPh sb="10" eb="13">
      <t>テイジセイ</t>
    </rPh>
    <rPh sb="14" eb="18">
      <t>センモンガッカ</t>
    </rPh>
    <phoneticPr fontId="4"/>
  </si>
  <si>
    <t>中学3年生生徒及保護者</t>
    <rPh sb="0" eb="2">
      <t>チュウガク</t>
    </rPh>
    <rPh sb="3" eb="5">
      <t>ネンセイ</t>
    </rPh>
    <rPh sb="5" eb="8">
      <t>セイトオヨ</t>
    </rPh>
    <rPh sb="8" eb="11">
      <t>ホゴシャ</t>
    </rPh>
    <phoneticPr fontId="4"/>
  </si>
  <si>
    <t>https://www.pen-kanagawa.ed.jp/kanagawa-th/teiji/index.html</t>
    <phoneticPr fontId="4"/>
  </si>
  <si>
    <t>2023/11/11</t>
    <phoneticPr fontId="4"/>
  </si>
  <si>
    <t>Tech Girls Project</t>
  </si>
  <si>
    <t>中学生女子に対し、工業高校の学びに触れることで、工業教育の新たな魅力や興味・関心を広く持たせる目的を持った体験教室。</t>
    <rPh sb="0" eb="2">
      <t>チュウガク</t>
    </rPh>
    <rPh sb="2" eb="3">
      <t>セイ</t>
    </rPh>
    <rPh sb="3" eb="5">
      <t>ジョシ</t>
    </rPh>
    <rPh sb="6" eb="7">
      <t>タイ</t>
    </rPh>
    <rPh sb="9" eb="11">
      <t>コウギョウ</t>
    </rPh>
    <rPh sb="11" eb="13">
      <t>コウコウ</t>
    </rPh>
    <rPh sb="14" eb="15">
      <t>マナ</t>
    </rPh>
    <rPh sb="17" eb="18">
      <t>フ</t>
    </rPh>
    <rPh sb="24" eb="26">
      <t>コウギョウ</t>
    </rPh>
    <rPh sb="26" eb="28">
      <t>キョウイク</t>
    </rPh>
    <rPh sb="29" eb="30">
      <t>アラ</t>
    </rPh>
    <rPh sb="32" eb="34">
      <t>ミリョク</t>
    </rPh>
    <rPh sb="35" eb="37">
      <t>キョウミ</t>
    </rPh>
    <rPh sb="38" eb="40">
      <t>カンシン</t>
    </rPh>
    <rPh sb="41" eb="42">
      <t>ヒロ</t>
    </rPh>
    <rPh sb="43" eb="44">
      <t>モ</t>
    </rPh>
    <rPh sb="47" eb="49">
      <t>モクテキ</t>
    </rPh>
    <rPh sb="50" eb="51">
      <t>モ</t>
    </rPh>
    <rPh sb="53" eb="55">
      <t>タイケン</t>
    </rPh>
    <rPh sb="55" eb="57">
      <t>キョウシツ</t>
    </rPh>
    <phoneticPr fontId="4"/>
  </si>
  <si>
    <t>工業教育に関心のある中学生女子生徒</t>
    <rPh sb="0" eb="2">
      <t>コウギョウ</t>
    </rPh>
    <rPh sb="2" eb="4">
      <t>キョウイク</t>
    </rPh>
    <rPh sb="5" eb="7">
      <t>カンシン</t>
    </rPh>
    <rPh sb="10" eb="13">
      <t>チュウガクセイ</t>
    </rPh>
    <rPh sb="13" eb="15">
      <t>ジョシ</t>
    </rPh>
    <rPh sb="15" eb="17">
      <t>セイト</t>
    </rPh>
    <phoneticPr fontId="4"/>
  </si>
  <si>
    <t>横浜市
中区</t>
    <rPh sb="0" eb="3">
      <t>ヨコハマシ</t>
    </rPh>
    <phoneticPr fontId="4"/>
  </si>
  <si>
    <t>第1回学校説明会（午前）</t>
    <rPh sb="0" eb="1">
      <t>ダイ</t>
    </rPh>
    <rPh sb="2" eb="3">
      <t>カイ</t>
    </rPh>
    <rPh sb="3" eb="5">
      <t>ガッコウ</t>
    </rPh>
    <rPh sb="5" eb="8">
      <t>セツメイカイ</t>
    </rPh>
    <rPh sb="9" eb="11">
      <t>ゴゼン</t>
    </rPh>
    <phoneticPr fontId="4"/>
  </si>
  <si>
    <t>本校教育の概要・学校施設・高校生活・入試情報等の説明を主に行います。</t>
    <rPh sb="0" eb="2">
      <t>ホンコウ</t>
    </rPh>
    <rPh sb="2" eb="4">
      <t>キョウイク</t>
    </rPh>
    <rPh sb="5" eb="7">
      <t>ガイヨウ</t>
    </rPh>
    <rPh sb="8" eb="10">
      <t>ガッコウ</t>
    </rPh>
    <rPh sb="10" eb="12">
      <t>シセツ</t>
    </rPh>
    <rPh sb="13" eb="15">
      <t>コウコウ</t>
    </rPh>
    <rPh sb="15" eb="17">
      <t>セイカツ</t>
    </rPh>
    <rPh sb="18" eb="20">
      <t>ニュウシ</t>
    </rPh>
    <rPh sb="20" eb="22">
      <t>ジョウホウ</t>
    </rPh>
    <rPh sb="22" eb="23">
      <t>トウ</t>
    </rPh>
    <rPh sb="24" eb="26">
      <t>セツメイ</t>
    </rPh>
    <rPh sb="27" eb="28">
      <t>オモ</t>
    </rPh>
    <rPh sb="29" eb="30">
      <t>オコナ</t>
    </rPh>
    <phoneticPr fontId="4"/>
  </si>
  <si>
    <t>神奈川県立横浜立野高等学校</t>
    <rPh sb="0" eb="4">
      <t>カナガワケン</t>
    </rPh>
    <rPh sb="4" eb="5">
      <t>リツ</t>
    </rPh>
    <rPh sb="5" eb="7">
      <t>ヨコハマ</t>
    </rPh>
    <rPh sb="7" eb="9">
      <t>タテノ</t>
    </rPh>
    <rPh sb="9" eb="11">
      <t>コウトウ</t>
    </rPh>
    <rPh sb="11" eb="13">
      <t>ガッコウ</t>
    </rPh>
    <phoneticPr fontId="4"/>
  </si>
  <si>
    <t>最寄りバス停　東福院前</t>
    <rPh sb="0" eb="2">
      <t>モヨ</t>
    </rPh>
    <rPh sb="5" eb="6">
      <t>テイ</t>
    </rPh>
    <rPh sb="7" eb="8">
      <t>トウ</t>
    </rPh>
    <rPh sb="8" eb="9">
      <t>フク</t>
    </rPh>
    <rPh sb="9" eb="10">
      <t>イン</t>
    </rPh>
    <rPh sb="10" eb="11">
      <t>マエ</t>
    </rPh>
    <phoneticPr fontId="4"/>
  </si>
  <si>
    <t>神奈川県立横浜立野高等学校　広報渉外グループ</t>
    <rPh sb="0" eb="4">
      <t>カナガワケン</t>
    </rPh>
    <rPh sb="4" eb="5">
      <t>リツ</t>
    </rPh>
    <rPh sb="5" eb="7">
      <t>ヨコハマ</t>
    </rPh>
    <rPh sb="7" eb="9">
      <t>タテノ</t>
    </rPh>
    <rPh sb="9" eb="11">
      <t>コウトウ</t>
    </rPh>
    <rPh sb="11" eb="13">
      <t>ガッコウ</t>
    </rPh>
    <rPh sb="14" eb="16">
      <t>コウホウ</t>
    </rPh>
    <rPh sb="16" eb="18">
      <t>ショウガイ</t>
    </rPh>
    <phoneticPr fontId="4"/>
  </si>
  <si>
    <t>本校の教育に関心のある人</t>
    <rPh sb="0" eb="2">
      <t>ホンコウ</t>
    </rPh>
    <rPh sb="3" eb="5">
      <t>キョウイク</t>
    </rPh>
    <rPh sb="6" eb="8">
      <t>カンシン</t>
    </rPh>
    <rPh sb="11" eb="12">
      <t>ヒト</t>
    </rPh>
    <phoneticPr fontId="4"/>
  </si>
  <si>
    <t>https://www.y-tateno-h.pen-kanagawa.ed.jp</t>
    <phoneticPr fontId="4"/>
  </si>
  <si>
    <t>第3回部活動体験（午後）</t>
    <rPh sb="0" eb="1">
      <t>ダイ</t>
    </rPh>
    <rPh sb="2" eb="3">
      <t>カイ</t>
    </rPh>
    <rPh sb="3" eb="6">
      <t>ブカツドウ</t>
    </rPh>
    <rPh sb="6" eb="8">
      <t>タイケン</t>
    </rPh>
    <rPh sb="9" eb="11">
      <t>ゴゴ</t>
    </rPh>
    <phoneticPr fontId="4"/>
  </si>
  <si>
    <t>実際に本校の施設での部活動の体験を通して、本校の部活動や学校の様子を知っていただく機会と考えています。</t>
    <rPh sb="0" eb="2">
      <t>ジッサイ</t>
    </rPh>
    <rPh sb="3" eb="5">
      <t>ホンコウ</t>
    </rPh>
    <rPh sb="6" eb="8">
      <t>シセツ</t>
    </rPh>
    <rPh sb="10" eb="13">
      <t>ブカツドウ</t>
    </rPh>
    <rPh sb="14" eb="16">
      <t>タイケン</t>
    </rPh>
    <rPh sb="17" eb="18">
      <t>トオ</t>
    </rPh>
    <rPh sb="21" eb="23">
      <t>ホンコウ</t>
    </rPh>
    <rPh sb="24" eb="27">
      <t>ブカツドウ</t>
    </rPh>
    <rPh sb="28" eb="30">
      <t>ガッコウ</t>
    </rPh>
    <rPh sb="31" eb="33">
      <t>ヨウス</t>
    </rPh>
    <rPh sb="34" eb="35">
      <t>シ</t>
    </rPh>
    <rPh sb="41" eb="43">
      <t>キカイ</t>
    </rPh>
    <rPh sb="44" eb="45">
      <t>カンガ</t>
    </rPh>
    <phoneticPr fontId="4"/>
  </si>
  <si>
    <t>第２回学校説明会</t>
    <rPh sb="0" eb="1">
      <t>ダイ</t>
    </rPh>
    <rPh sb="2" eb="3">
      <t>カイ</t>
    </rPh>
    <rPh sb="3" eb="5">
      <t>ガッコウ</t>
    </rPh>
    <rPh sb="5" eb="8">
      <t>セツメイカイ</t>
    </rPh>
    <phoneticPr fontId="4"/>
  </si>
  <si>
    <t>中学生に向けた学校紹介をします。</t>
    <rPh sb="0" eb="3">
      <t>チュウガクセイ</t>
    </rPh>
    <rPh sb="4" eb="5">
      <t>ム</t>
    </rPh>
    <rPh sb="7" eb="9">
      <t>ガッコウ</t>
    </rPh>
    <rPh sb="9" eb="11">
      <t>ショウカイ</t>
    </rPh>
    <phoneticPr fontId="4"/>
  </si>
  <si>
    <t>横浜緑ケ丘高等学校</t>
    <rPh sb="0" eb="2">
      <t>ヨコハマ</t>
    </rPh>
    <rPh sb="2" eb="5">
      <t>ミドリガオカ</t>
    </rPh>
    <rPh sb="5" eb="7">
      <t>コウトウ</t>
    </rPh>
    <rPh sb="7" eb="9">
      <t>ガッコウ</t>
    </rPh>
    <phoneticPr fontId="4"/>
  </si>
  <si>
    <t>山手駅</t>
    <rPh sb="0" eb="2">
      <t>ヤマテ</t>
    </rPh>
    <rPh sb="2" eb="3">
      <t>エキ</t>
    </rPh>
    <phoneticPr fontId="4"/>
  </si>
  <si>
    <t>本校に関心のある中学生及びその保護者</t>
    <rPh sb="0" eb="2">
      <t>ホンコウ</t>
    </rPh>
    <rPh sb="3" eb="5">
      <t>カンシン</t>
    </rPh>
    <rPh sb="8" eb="11">
      <t>チュウガクセイ</t>
    </rPh>
    <rPh sb="11" eb="12">
      <t>オヨ</t>
    </rPh>
    <rPh sb="15" eb="18">
      <t>ホゴシャ</t>
    </rPh>
    <phoneticPr fontId="4"/>
  </si>
  <si>
    <t>無料</t>
    <phoneticPr fontId="4"/>
  </si>
  <si>
    <t>横浜緑ケ丘高等学校
広報グループ</t>
    <rPh sb="0" eb="2">
      <t>ヨコハマ</t>
    </rPh>
    <rPh sb="2" eb="5">
      <t>ミドリガオカ</t>
    </rPh>
    <rPh sb="5" eb="7">
      <t>コウトウ</t>
    </rPh>
    <rPh sb="7" eb="9">
      <t>ガッコウ</t>
    </rPh>
    <rPh sb="10" eb="12">
      <t>コウホウ</t>
    </rPh>
    <phoneticPr fontId="4"/>
  </si>
  <si>
    <t>横浜市
港南区</t>
    <rPh sb="0" eb="3">
      <t>ヨコハマシ</t>
    </rPh>
    <phoneticPr fontId="4"/>
  </si>
  <si>
    <t>輝鳳祭</t>
    <rPh sb="0" eb="1">
      <t>カガヤ</t>
    </rPh>
    <rPh sb="1" eb="2">
      <t>オオトリ</t>
    </rPh>
    <rPh sb="2" eb="3">
      <t>サイ</t>
    </rPh>
    <phoneticPr fontId="4"/>
  </si>
  <si>
    <t>本校の文化祭です。部・同好会、委員会、クラス、有志等が日頃の活動の成果を発表します。</t>
    <rPh sb="0" eb="2">
      <t>ホンコウ</t>
    </rPh>
    <rPh sb="3" eb="6">
      <t>ブンカサイ</t>
    </rPh>
    <rPh sb="9" eb="10">
      <t>ブ</t>
    </rPh>
    <rPh sb="11" eb="14">
      <t>ドウコウカイ</t>
    </rPh>
    <rPh sb="15" eb="18">
      <t>イインカイ</t>
    </rPh>
    <rPh sb="23" eb="26">
      <t>ユウシトウ</t>
    </rPh>
    <rPh sb="27" eb="29">
      <t>ヒゴロ</t>
    </rPh>
    <rPh sb="30" eb="32">
      <t>カツドウ</t>
    </rPh>
    <rPh sb="33" eb="35">
      <t>セイカ</t>
    </rPh>
    <rPh sb="36" eb="38">
      <t>ハッピョウ</t>
    </rPh>
    <phoneticPr fontId="4"/>
  </si>
  <si>
    <t>横浜明朋高等学校</t>
    <rPh sb="0" eb="2">
      <t>ヨコハマ</t>
    </rPh>
    <rPh sb="2" eb="4">
      <t>メイホウ</t>
    </rPh>
    <rPh sb="4" eb="8">
      <t>コウトウガッコウ</t>
    </rPh>
    <phoneticPr fontId="4"/>
  </si>
  <si>
    <t>JR港南台駅</t>
    <rPh sb="2" eb="6">
      <t>コウナンダイエキ</t>
    </rPh>
    <phoneticPr fontId="4"/>
  </si>
  <si>
    <t>横浜明朋高等学校</t>
    <rPh sb="0" eb="2">
      <t>ヨコハマ</t>
    </rPh>
    <rPh sb="2" eb="3">
      <t>メイ</t>
    </rPh>
    <rPh sb="3" eb="4">
      <t>ホウ</t>
    </rPh>
    <rPh sb="4" eb="6">
      <t>コウトウ</t>
    </rPh>
    <rPh sb="6" eb="8">
      <t>ガッコウ</t>
    </rPh>
    <phoneticPr fontId="4"/>
  </si>
  <si>
    <t>事前申請した中学生とその保護者、卒業生</t>
    <rPh sb="0" eb="4">
      <t>ジゼンシンセイ</t>
    </rPh>
    <rPh sb="6" eb="9">
      <t>チュウガクセイ</t>
    </rPh>
    <rPh sb="12" eb="15">
      <t>ホゴシャ</t>
    </rPh>
    <rPh sb="16" eb="19">
      <t>ソツギョウセイ</t>
    </rPh>
    <phoneticPr fontId="4"/>
  </si>
  <si>
    <t xml:space="preserve">横浜明朋高等学校
活動支援グループ
</t>
    <rPh sb="0" eb="2">
      <t>ヨコハマ</t>
    </rPh>
    <rPh sb="2" eb="8">
      <t>メイホウコウトウガッコウ</t>
    </rPh>
    <rPh sb="9" eb="13">
      <t>カツドウシエン</t>
    </rPh>
    <phoneticPr fontId="4"/>
  </si>
  <si>
    <t>第2回学校説明会</t>
    <rPh sb="0" eb="3">
      <t>ダイニカイ</t>
    </rPh>
    <rPh sb="3" eb="5">
      <t>ガッコウ</t>
    </rPh>
    <rPh sb="5" eb="8">
      <t>セツメイカイ</t>
    </rPh>
    <phoneticPr fontId="4"/>
  </si>
  <si>
    <t>中学３年生を対象に、本校の説明会を実施し、志願者を募ります</t>
    <rPh sb="0" eb="2">
      <t>チュウガク</t>
    </rPh>
    <rPh sb="3" eb="5">
      <t>ネンセイ</t>
    </rPh>
    <rPh sb="6" eb="8">
      <t>タイショウ</t>
    </rPh>
    <rPh sb="10" eb="12">
      <t>ホンコウ</t>
    </rPh>
    <rPh sb="13" eb="16">
      <t>セツメイカイ</t>
    </rPh>
    <rPh sb="17" eb="19">
      <t>ジッシ</t>
    </rPh>
    <rPh sb="21" eb="24">
      <t>シガンシャ</t>
    </rPh>
    <rPh sb="25" eb="26">
      <t>ツノ</t>
    </rPh>
    <phoneticPr fontId="4"/>
  </si>
  <si>
    <t>神奈川県立永谷高等学校</t>
    <rPh sb="0" eb="5">
      <t>カナガワケンリツ</t>
    </rPh>
    <rPh sb="5" eb="7">
      <t>ナガヤ</t>
    </rPh>
    <rPh sb="7" eb="11">
      <t>コウトウガッコウ</t>
    </rPh>
    <phoneticPr fontId="4"/>
  </si>
  <si>
    <t>市営地下鉄下永谷駅</t>
    <rPh sb="0" eb="2">
      <t>シエイ</t>
    </rPh>
    <rPh sb="2" eb="5">
      <t>チカテツ</t>
    </rPh>
    <rPh sb="5" eb="8">
      <t>シモナガヤ</t>
    </rPh>
    <rPh sb="8" eb="9">
      <t>エキ</t>
    </rPh>
    <phoneticPr fontId="4"/>
  </si>
  <si>
    <t>神奈川県立永谷高等学校・管理運営グループ</t>
    <rPh sb="0" eb="5">
      <t>カナガワケンリツ</t>
    </rPh>
    <rPh sb="5" eb="7">
      <t>ナガヤ</t>
    </rPh>
    <rPh sb="7" eb="11">
      <t>コウトウガッコウ</t>
    </rPh>
    <rPh sb="12" eb="14">
      <t>カンリ</t>
    </rPh>
    <rPh sb="14" eb="16">
      <t>ウンエイ</t>
    </rPh>
    <phoneticPr fontId="4"/>
  </si>
  <si>
    <t>中学３年生とその保護者</t>
    <rPh sb="0" eb="2">
      <t>チュウガク</t>
    </rPh>
    <rPh sb="3" eb="5">
      <t>ネンセイ</t>
    </rPh>
    <rPh sb="8" eb="11">
      <t>ホゴシャ</t>
    </rPh>
    <phoneticPr fontId="4"/>
  </si>
  <si>
    <t>無料</t>
    <rPh sb="0" eb="2">
      <t>ムリョウ</t>
    </rPh>
    <phoneticPr fontId="4"/>
  </si>
  <si>
    <t>神奈川県立永谷高等学校・管理運営グループ・学校説明会担当者</t>
    <rPh sb="0" eb="4">
      <t>カナガワケン</t>
    </rPh>
    <rPh sb="4" eb="5">
      <t>タ</t>
    </rPh>
    <rPh sb="5" eb="7">
      <t>ナガヤ</t>
    </rPh>
    <rPh sb="7" eb="11">
      <t>コウトウガッコウ</t>
    </rPh>
    <rPh sb="12" eb="14">
      <t>カンリ</t>
    </rPh>
    <rPh sb="14" eb="16">
      <t>ウンエイ</t>
    </rPh>
    <rPh sb="21" eb="23">
      <t>ガッコウ</t>
    </rPh>
    <rPh sb="23" eb="26">
      <t>セツメイカイ</t>
    </rPh>
    <rPh sb="26" eb="29">
      <t>タントウシャ</t>
    </rPh>
    <phoneticPr fontId="4"/>
  </si>
  <si>
    <t>横浜市
保土ヶ谷区</t>
    <rPh sb="0" eb="3">
      <t>ヨコハマシ</t>
    </rPh>
    <phoneticPr fontId="4"/>
  </si>
  <si>
    <t>第二回学校説明会</t>
    <rPh sb="0" eb="1">
      <t>ダイ</t>
    </rPh>
    <rPh sb="1" eb="2">
      <t>ニ</t>
    </rPh>
    <rPh sb="2" eb="3">
      <t>カイ</t>
    </rPh>
    <rPh sb="3" eb="8">
      <t>ガッコウセツメイカイ</t>
    </rPh>
    <phoneticPr fontId="4"/>
  </si>
  <si>
    <t>中学生と保護者の方に本校の魅力と特色を説明し、理解してもらうことで進路選択の一助としていただく。</t>
    <rPh sb="0" eb="3">
      <t>チュウガクセイ</t>
    </rPh>
    <rPh sb="4" eb="7">
      <t>ホゴシャ</t>
    </rPh>
    <rPh sb="8" eb="9">
      <t>カタ</t>
    </rPh>
    <rPh sb="10" eb="12">
      <t>ホンコウ</t>
    </rPh>
    <rPh sb="13" eb="15">
      <t>ミリョク</t>
    </rPh>
    <rPh sb="16" eb="18">
      <t>トクショク</t>
    </rPh>
    <rPh sb="19" eb="21">
      <t>セツメイ</t>
    </rPh>
    <rPh sb="23" eb="25">
      <t>リカイ</t>
    </rPh>
    <rPh sb="33" eb="37">
      <t>シンロセンタク</t>
    </rPh>
    <rPh sb="38" eb="40">
      <t>イチジョ</t>
    </rPh>
    <phoneticPr fontId="4"/>
  </si>
  <si>
    <t>横浜市保土ケ谷区川島町１５５７（保土ケ谷高校）</t>
    <rPh sb="8" eb="11">
      <t>カワシマチョウ</t>
    </rPh>
    <rPh sb="16" eb="22">
      <t>ホドガヤコウコウ</t>
    </rPh>
    <phoneticPr fontId="4"/>
  </si>
  <si>
    <t>JR東戸塚駅又は相鉄線和田町駅から相鉄バス</t>
    <rPh sb="2" eb="6">
      <t>ヒガシトツカエキ</t>
    </rPh>
    <rPh sb="6" eb="7">
      <t>マタ</t>
    </rPh>
    <rPh sb="8" eb="11">
      <t>ソウテツセン</t>
    </rPh>
    <rPh sb="11" eb="14">
      <t>ワダマチ</t>
    </rPh>
    <rPh sb="14" eb="15">
      <t>エキ</t>
    </rPh>
    <rPh sb="17" eb="19">
      <t>ソウテツ</t>
    </rPh>
    <phoneticPr fontId="4"/>
  </si>
  <si>
    <t>保土ケ谷高校</t>
    <rPh sb="0" eb="6">
      <t>ホドガヤコウコウ</t>
    </rPh>
    <phoneticPr fontId="4"/>
  </si>
  <si>
    <t>中学生と保護者</t>
    <rPh sb="0" eb="3">
      <t>チュウガクセイ</t>
    </rPh>
    <rPh sb="4" eb="7">
      <t>ホゴシャ</t>
    </rPh>
    <phoneticPr fontId="4"/>
  </si>
  <si>
    <t>https://www.pen-kanagawa.ed.jp/hodogaya-h/</t>
    <phoneticPr fontId="4"/>
  </si>
  <si>
    <t>第3回学校説明会</t>
    <rPh sb="0" eb="1">
      <t>ダイ</t>
    </rPh>
    <rPh sb="2" eb="8">
      <t>カイガッコウセツメイカイ</t>
    </rPh>
    <phoneticPr fontId="4"/>
  </si>
  <si>
    <t>光陵高校の特徴を紹介します。</t>
    <rPh sb="0" eb="2">
      <t>コウリョウ</t>
    </rPh>
    <rPh sb="2" eb="4">
      <t>コウコウ</t>
    </rPh>
    <rPh sb="5" eb="7">
      <t>トクチョウ</t>
    </rPh>
    <rPh sb="8" eb="10">
      <t>ショウカイ</t>
    </rPh>
    <phoneticPr fontId="4"/>
  </si>
  <si>
    <t>202311/11</t>
    <phoneticPr fontId="4"/>
  </si>
  <si>
    <t>光陵高等学校</t>
    <rPh sb="0" eb="4">
      <t>コウリョウコウトウ</t>
    </rPh>
    <rPh sb="4" eb="6">
      <t>ガッコウ</t>
    </rPh>
    <phoneticPr fontId="4"/>
  </si>
  <si>
    <t>保土ヶ谷駅</t>
    <rPh sb="0" eb="5">
      <t>ホドガヤエキ</t>
    </rPh>
    <phoneticPr fontId="4"/>
  </si>
  <si>
    <t>光陵高等学校</t>
    <rPh sb="0" eb="6">
      <t>コウリョウコウトウガッコウ</t>
    </rPh>
    <phoneticPr fontId="4"/>
  </si>
  <si>
    <t>光陵高等学校
フロンティアグループ</t>
    <rPh sb="0" eb="6">
      <t>コウリョウコウトウガッコウ</t>
    </rPh>
    <phoneticPr fontId="4"/>
  </si>
  <si>
    <t>横浜市
旭区</t>
    <rPh sb="0" eb="3">
      <t>ヨコハマシ</t>
    </rPh>
    <phoneticPr fontId="4"/>
  </si>
  <si>
    <t>第１回体験授業会</t>
    <rPh sb="0" eb="1">
      <t>ダイ</t>
    </rPh>
    <rPh sb="2" eb="3">
      <t>カイ</t>
    </rPh>
    <rPh sb="3" eb="5">
      <t>タイケン</t>
    </rPh>
    <rPh sb="5" eb="7">
      <t>ジュギョウ</t>
    </rPh>
    <rPh sb="7" eb="8">
      <t>カイ</t>
    </rPh>
    <phoneticPr fontId="4"/>
  </si>
  <si>
    <t>本校の教育に興味・関心がある中学生を対象にに体験授業を実施し、本校への理解を深めていただく。</t>
    <rPh sb="0" eb="2">
      <t>ホンコウ</t>
    </rPh>
    <rPh sb="3" eb="5">
      <t>キョウイク</t>
    </rPh>
    <rPh sb="6" eb="8">
      <t>キョウミ</t>
    </rPh>
    <rPh sb="9" eb="11">
      <t>カンシン</t>
    </rPh>
    <rPh sb="14" eb="17">
      <t>チュウガクセイ</t>
    </rPh>
    <rPh sb="18" eb="20">
      <t>タイショウ</t>
    </rPh>
    <rPh sb="22" eb="24">
      <t>タイケン</t>
    </rPh>
    <rPh sb="24" eb="26">
      <t>ジュギョウ</t>
    </rPh>
    <rPh sb="27" eb="29">
      <t>ジッシ</t>
    </rPh>
    <rPh sb="31" eb="33">
      <t>ホンコウ</t>
    </rPh>
    <rPh sb="35" eb="37">
      <t>リカイ</t>
    </rPh>
    <rPh sb="38" eb="39">
      <t>フカ</t>
    </rPh>
    <phoneticPr fontId="4"/>
  </si>
  <si>
    <t>2023/10/7</t>
  </si>
  <si>
    <t>二俣川看護福祉高等学校</t>
    <rPh sb="0" eb="3">
      <t>フタマタガワ</t>
    </rPh>
    <rPh sb="3" eb="5">
      <t>カンゴ</t>
    </rPh>
    <rPh sb="5" eb="7">
      <t>フクシ</t>
    </rPh>
    <rPh sb="7" eb="9">
      <t>コウトウ</t>
    </rPh>
    <rPh sb="9" eb="11">
      <t>ガッコウ</t>
    </rPh>
    <phoneticPr fontId="4"/>
  </si>
  <si>
    <t>二俣川駅</t>
    <rPh sb="0" eb="3">
      <t>フタマタガワ</t>
    </rPh>
    <rPh sb="3" eb="4">
      <t>エキ</t>
    </rPh>
    <phoneticPr fontId="4"/>
  </si>
  <si>
    <t>看護・福祉に関心のある中学生</t>
    <rPh sb="0" eb="2">
      <t>カンゴ</t>
    </rPh>
    <rPh sb="3" eb="5">
      <t>フクシ</t>
    </rPh>
    <rPh sb="6" eb="8">
      <t>カンシン</t>
    </rPh>
    <rPh sb="11" eb="14">
      <t>チュウガクセイ</t>
    </rPh>
    <phoneticPr fontId="4"/>
  </si>
  <si>
    <t>総務広報グループ</t>
    <rPh sb="0" eb="2">
      <t>ソウム</t>
    </rPh>
    <rPh sb="2" eb="4">
      <t>コウホウ</t>
    </rPh>
    <phoneticPr fontId="4"/>
  </si>
  <si>
    <t>第1回校内学校説明会</t>
    <rPh sb="0" eb="1">
      <t>ダイ</t>
    </rPh>
    <rPh sb="2" eb="3">
      <t>カイ</t>
    </rPh>
    <rPh sb="3" eb="10">
      <t>コウナイガッコウセツメイカイ</t>
    </rPh>
    <phoneticPr fontId="4"/>
  </si>
  <si>
    <t>本校の受験を希望する中学生と保護者を対象に、教育目標や教育課程、部活動など生徒の日常、進学実績などについて本校教職員と生徒会役員が説明します。</t>
    <rPh sb="18" eb="20">
      <t>タイショウ</t>
    </rPh>
    <rPh sb="24" eb="26">
      <t>モクヒョウ</t>
    </rPh>
    <rPh sb="27" eb="31">
      <t>キョウイクカテイ</t>
    </rPh>
    <rPh sb="53" eb="58">
      <t>ホンコウキョウショクイン</t>
    </rPh>
    <rPh sb="59" eb="64">
      <t>セイトカイヤクイン</t>
    </rPh>
    <rPh sb="65" eb="67">
      <t>セツメイ</t>
    </rPh>
    <phoneticPr fontId="4"/>
  </si>
  <si>
    <t>2023/1014</t>
    <phoneticPr fontId="4"/>
  </si>
  <si>
    <t>神奈川県立希望ケ丘高等学校</t>
    <rPh sb="0" eb="13">
      <t>カナガワケンリツキボウガオカコウトウガッコウ</t>
    </rPh>
    <phoneticPr fontId="4"/>
  </si>
  <si>
    <t>希望ヶ丘駅</t>
    <rPh sb="0" eb="4">
      <t>キボウガオカ</t>
    </rPh>
    <rPh sb="4" eb="5">
      <t>エキ</t>
    </rPh>
    <phoneticPr fontId="4"/>
  </si>
  <si>
    <t>神奈川県立希望ケ丘高等学校広報・連携グループ</t>
    <rPh sb="0" eb="9">
      <t>カナガワケンリツキボウガオカ</t>
    </rPh>
    <rPh sb="9" eb="13">
      <t>コウトウガッコウ</t>
    </rPh>
    <rPh sb="13" eb="15">
      <t>コウホウ</t>
    </rPh>
    <rPh sb="16" eb="18">
      <t>レンケイ</t>
    </rPh>
    <phoneticPr fontId="4"/>
  </si>
  <si>
    <t>本校の受験を希望する中学生と保護者</t>
    <rPh sb="0" eb="2">
      <t>ホンコウ</t>
    </rPh>
    <rPh sb="3" eb="5">
      <t>ジュケン</t>
    </rPh>
    <rPh sb="6" eb="8">
      <t>キボウ</t>
    </rPh>
    <rPh sb="10" eb="13">
      <t>チュウガクセイ</t>
    </rPh>
    <rPh sb="14" eb="17">
      <t>ホゴシャ</t>
    </rPh>
    <phoneticPr fontId="4"/>
  </si>
  <si>
    <t>https://www.pen-kanagawa.ed.jp/kibogaoka-h/zennichi/index.html</t>
    <phoneticPr fontId="4"/>
  </si>
  <si>
    <t>横浜市
金沢区</t>
    <rPh sb="0" eb="3">
      <t>ヨコハマシ</t>
    </rPh>
    <phoneticPr fontId="4"/>
  </si>
  <si>
    <t>学校説明会・部活動体験</t>
    <rPh sb="0" eb="2">
      <t>ガッコウ</t>
    </rPh>
    <rPh sb="2" eb="5">
      <t>セツメイカイ</t>
    </rPh>
    <rPh sb="6" eb="9">
      <t>ブカツドウ</t>
    </rPh>
    <rPh sb="9" eb="11">
      <t>タイケン</t>
    </rPh>
    <phoneticPr fontId="4"/>
  </si>
  <si>
    <t>中学生とその保護者を対象とした学校説明会と中学生部活動体験</t>
    <rPh sb="21" eb="24">
      <t>チュウガクセイ</t>
    </rPh>
    <rPh sb="24" eb="27">
      <t>ブカツドウ</t>
    </rPh>
    <rPh sb="27" eb="29">
      <t>タイケン</t>
    </rPh>
    <phoneticPr fontId="4"/>
  </si>
  <si>
    <t>釜利谷高等学校</t>
    <rPh sb="0" eb="3">
      <t>カマリヤ</t>
    </rPh>
    <rPh sb="3" eb="5">
      <t>コウトウ</t>
    </rPh>
    <rPh sb="5" eb="7">
      <t>ガッコウ</t>
    </rPh>
    <phoneticPr fontId="4"/>
  </si>
  <si>
    <t>金沢文庫駅</t>
    <rPh sb="0" eb="2">
      <t>カナザワ</t>
    </rPh>
    <rPh sb="2" eb="4">
      <t>ブンコ</t>
    </rPh>
    <rPh sb="4" eb="5">
      <t>エキ</t>
    </rPh>
    <phoneticPr fontId="4"/>
  </si>
  <si>
    <t>中学生と保護者</t>
    <phoneticPr fontId="4"/>
  </si>
  <si>
    <t>釜利谷高等学校　特色地域連携グループ</t>
    <rPh sb="0" eb="3">
      <t>カマリヤ</t>
    </rPh>
    <rPh sb="8" eb="10">
      <t>トクショク</t>
    </rPh>
    <rPh sb="10" eb="12">
      <t>チイキ</t>
    </rPh>
    <rPh sb="12" eb="14">
      <t>レンケイ</t>
    </rPh>
    <phoneticPr fontId="4"/>
  </si>
  <si>
    <t>https://www.pen-kanagawa.ed.jp/kamariya-h/index.html</t>
    <phoneticPr fontId="4"/>
  </si>
  <si>
    <t>横浜市
港北区</t>
    <rPh sb="0" eb="3">
      <t>ヨコハマシ</t>
    </rPh>
    <phoneticPr fontId="4"/>
  </si>
  <si>
    <t>港北高校の学校生活や行事、進路指導、授業、部活動などについて説明するほか、施設を見学してもらう予定です。</t>
    <phoneticPr fontId="4"/>
  </si>
  <si>
    <t>神奈川県立港北高等学校</t>
    <phoneticPr fontId="4"/>
  </si>
  <si>
    <t>新羽駅　大倉山駅　新横浜駅</t>
    <phoneticPr fontId="4"/>
  </si>
  <si>
    <t>本校への入学を考えている中学３年生及びその保護者</t>
    <phoneticPr fontId="4"/>
  </si>
  <si>
    <t>神奈川県立港北高等学校開発・広報グループ</t>
    <phoneticPr fontId="4"/>
  </si>
  <si>
    <t>https://www.pen-kanagawa.ed.jp/kohoku-h/gakkoukenngaku.html</t>
    <phoneticPr fontId="4"/>
  </si>
  <si>
    <t>横浜市
緑区</t>
    <rPh sb="0" eb="3">
      <t>ヨコハマシ</t>
    </rPh>
    <phoneticPr fontId="4"/>
  </si>
  <si>
    <t>白山高等学校第2回学校説明会</t>
    <rPh sb="0" eb="6">
      <t>ハクサンコウトウガッコウ</t>
    </rPh>
    <rPh sb="6" eb="7">
      <t>ダイ</t>
    </rPh>
    <rPh sb="8" eb="9">
      <t>カイ</t>
    </rPh>
    <rPh sb="9" eb="11">
      <t>ガッコウ</t>
    </rPh>
    <rPh sb="11" eb="14">
      <t>セツメイカイ</t>
    </rPh>
    <phoneticPr fontId="4"/>
  </si>
  <si>
    <t>本校の生徒指導、教育課程、進路実績、高校生活、入学者選抜の選考基準などについて説明します。</t>
    <rPh sb="0" eb="2">
      <t>ホンコウ</t>
    </rPh>
    <rPh sb="3" eb="7">
      <t>セイトシドウ</t>
    </rPh>
    <rPh sb="8" eb="12">
      <t>キョウイクカテイ</t>
    </rPh>
    <rPh sb="13" eb="17">
      <t>シンロジッセキ</t>
    </rPh>
    <rPh sb="18" eb="22">
      <t>コウコウセイカツ</t>
    </rPh>
    <rPh sb="23" eb="28">
      <t>ニュウガクシャセンバツ</t>
    </rPh>
    <rPh sb="29" eb="33">
      <t>センコウキジュン</t>
    </rPh>
    <rPh sb="39" eb="41">
      <t>セツメイ</t>
    </rPh>
    <phoneticPr fontId="4"/>
  </si>
  <si>
    <t>神奈川県立白山高等学校</t>
    <rPh sb="0" eb="9">
      <t>カナガワケンリツハクサンコウトウ</t>
    </rPh>
    <rPh sb="9" eb="11">
      <t>ガッコウ</t>
    </rPh>
    <phoneticPr fontId="4"/>
  </si>
  <si>
    <t>ＪＲ鴨居駅より横浜市営バス（10分）白山高校正門前下車</t>
    <rPh sb="2" eb="5">
      <t>カモイエキ</t>
    </rPh>
    <rPh sb="7" eb="11">
      <t>ヨコハマシエイ</t>
    </rPh>
    <rPh sb="16" eb="17">
      <t>フン</t>
    </rPh>
    <rPh sb="18" eb="25">
      <t>ハクサンコウコウセイモンマエ</t>
    </rPh>
    <rPh sb="25" eb="27">
      <t>ゲシャ</t>
    </rPh>
    <phoneticPr fontId="4"/>
  </si>
  <si>
    <t>神奈川県立白山高等学校</t>
    <rPh sb="0" eb="5">
      <t>カナガワケンリツ</t>
    </rPh>
    <rPh sb="5" eb="11">
      <t>ハクサンコウトウガッコウ</t>
    </rPh>
    <phoneticPr fontId="4"/>
  </si>
  <si>
    <t>白山高校に進学を考えている中学生及びその保護者</t>
    <rPh sb="0" eb="4">
      <t>ハクサンコウコウ</t>
    </rPh>
    <rPh sb="5" eb="7">
      <t>シンガク</t>
    </rPh>
    <rPh sb="8" eb="9">
      <t>カンガ</t>
    </rPh>
    <rPh sb="13" eb="16">
      <t>チュウガクセイ</t>
    </rPh>
    <rPh sb="16" eb="17">
      <t>オヨ</t>
    </rPh>
    <rPh sb="20" eb="23">
      <t>ホゴシャ</t>
    </rPh>
    <phoneticPr fontId="4"/>
  </si>
  <si>
    <t>白山高等学校　連携研究開発グループ</t>
    <rPh sb="0" eb="2">
      <t>ハクサン</t>
    </rPh>
    <rPh sb="2" eb="4">
      <t>コウトウ</t>
    </rPh>
    <rPh sb="4" eb="6">
      <t>ガッコウ</t>
    </rPh>
    <rPh sb="7" eb="9">
      <t>レンケイ</t>
    </rPh>
    <rPh sb="9" eb="13">
      <t>ケンキュウカイハツ</t>
    </rPh>
    <phoneticPr fontId="4"/>
  </si>
  <si>
    <t>https://www.pen-kanagawa.ed.jp/hakusan-h/</t>
    <phoneticPr fontId="4"/>
  </si>
  <si>
    <t>横浜市
青葉区</t>
    <rPh sb="0" eb="3">
      <t>ヨコハマシ</t>
    </rPh>
    <phoneticPr fontId="4"/>
  </si>
  <si>
    <t>第1回学校説明会</t>
  </si>
  <si>
    <t>本校の教育内容、学校生活、入学者選抜についての説明、個別相談(希望者のみ)などを行います。</t>
    <rPh sb="0" eb="2">
      <t>ホンコウ</t>
    </rPh>
    <rPh sb="3" eb="5">
      <t>キョウイク</t>
    </rPh>
    <rPh sb="5" eb="7">
      <t>ナイヨウ</t>
    </rPh>
    <rPh sb="8" eb="10">
      <t>ガッコウ</t>
    </rPh>
    <rPh sb="10" eb="12">
      <t>セイカツ</t>
    </rPh>
    <rPh sb="13" eb="16">
      <t>ニュウガクシャ</t>
    </rPh>
    <rPh sb="16" eb="18">
      <t>センバツ</t>
    </rPh>
    <rPh sb="23" eb="25">
      <t>セツメイ</t>
    </rPh>
    <rPh sb="26" eb="28">
      <t>コベツ</t>
    </rPh>
    <rPh sb="28" eb="30">
      <t>ソウダン</t>
    </rPh>
    <rPh sb="31" eb="34">
      <t>キボウシャ</t>
    </rPh>
    <rPh sb="40" eb="41">
      <t>オコナ</t>
    </rPh>
    <phoneticPr fontId="4"/>
  </si>
  <si>
    <t>2023/9/30</t>
  </si>
  <si>
    <t>神奈川県立田奈高等学校</t>
  </si>
  <si>
    <t>青葉台駅より東急バス日体大行き｢田奈高校｣下車</t>
    <rPh sb="0" eb="4">
      <t>アオバダイエキ</t>
    </rPh>
    <phoneticPr fontId="4"/>
  </si>
  <si>
    <t>田奈高等学校</t>
  </si>
  <si>
    <t>中学生と保護者</t>
  </si>
  <si>
    <t>田奈高等学校
総務企画グループ</t>
  </si>
  <si>
    <t>http://www.pen-kanagawa.ed.jp/tana-h/</t>
    <phoneticPr fontId="4"/>
  </si>
  <si>
    <t>オープンスクール</t>
    <phoneticPr fontId="4"/>
  </si>
  <si>
    <t>本校への入学を希望・考慮している生徒および保護者に対して、授業・部活動・施設内等を広く公開し、本校への理解を深めていただきます。</t>
    <rPh sb="0" eb="2">
      <t>ホンコウ</t>
    </rPh>
    <rPh sb="4" eb="6">
      <t>ニュウガク</t>
    </rPh>
    <rPh sb="7" eb="9">
      <t>キボウ</t>
    </rPh>
    <rPh sb="10" eb="12">
      <t>コウリョ</t>
    </rPh>
    <rPh sb="16" eb="18">
      <t>セイト</t>
    </rPh>
    <rPh sb="21" eb="24">
      <t>ホゴシャ</t>
    </rPh>
    <rPh sb="25" eb="26">
      <t>タイ</t>
    </rPh>
    <rPh sb="29" eb="31">
      <t>ジュギョウ</t>
    </rPh>
    <rPh sb="32" eb="35">
      <t>ブカツドウ</t>
    </rPh>
    <rPh sb="36" eb="39">
      <t>シセツナイ</t>
    </rPh>
    <rPh sb="39" eb="40">
      <t>トウ</t>
    </rPh>
    <rPh sb="41" eb="42">
      <t>ヒロ</t>
    </rPh>
    <rPh sb="43" eb="45">
      <t>コウカイ</t>
    </rPh>
    <rPh sb="47" eb="49">
      <t>ホンコウ</t>
    </rPh>
    <rPh sb="51" eb="53">
      <t>リカイ</t>
    </rPh>
    <rPh sb="54" eb="55">
      <t>フカ</t>
    </rPh>
    <phoneticPr fontId="4"/>
  </si>
  <si>
    <t>2023/10/28</t>
    <phoneticPr fontId="4"/>
  </si>
  <si>
    <t>神奈川県立市ケ尾高等学校</t>
    <rPh sb="0" eb="12">
      <t>カナガワケンリツイコウトウガッコウ</t>
    </rPh>
    <phoneticPr fontId="4"/>
  </si>
  <si>
    <t>田園都市線市が尾駅</t>
    <rPh sb="0" eb="5">
      <t>デンエントシセン</t>
    </rPh>
    <rPh sb="5" eb="6">
      <t>イチ</t>
    </rPh>
    <rPh sb="7" eb="8">
      <t>オ</t>
    </rPh>
    <rPh sb="8" eb="9">
      <t>エキ</t>
    </rPh>
    <phoneticPr fontId="4"/>
  </si>
  <si>
    <t>県立
市ケ尾高等学校
地域連携・広報グループ</t>
    <rPh sb="0" eb="2">
      <t>ケンリツ</t>
    </rPh>
    <rPh sb="3" eb="4">
      <t>シ</t>
    </rPh>
    <rPh sb="5" eb="6">
      <t>オ</t>
    </rPh>
    <rPh sb="6" eb="8">
      <t>コウトウ</t>
    </rPh>
    <rPh sb="8" eb="10">
      <t>ガッコウ</t>
    </rPh>
    <rPh sb="11" eb="15">
      <t>チイキレンケイ</t>
    </rPh>
    <rPh sb="16" eb="18">
      <t>コウホウ</t>
    </rPh>
    <phoneticPr fontId="4"/>
  </si>
  <si>
    <t>本校生徒の保護者、
本校へ関心のある中学生とその保護者</t>
    <rPh sb="0" eb="4">
      <t>ホンコウセイト</t>
    </rPh>
    <rPh sb="5" eb="8">
      <t>ホゴシャ</t>
    </rPh>
    <rPh sb="10" eb="12">
      <t>ホンコウ</t>
    </rPh>
    <rPh sb="13" eb="15">
      <t>カンシン</t>
    </rPh>
    <rPh sb="18" eb="21">
      <t>チュウガクセイ</t>
    </rPh>
    <rPh sb="24" eb="27">
      <t>ホゴシャ</t>
    </rPh>
    <phoneticPr fontId="4"/>
  </si>
  <si>
    <t>横浜市
都筑区</t>
    <rPh sb="0" eb="2">
      <t>ヨコハマ</t>
    </rPh>
    <rPh sb="2" eb="3">
      <t>シ</t>
    </rPh>
    <rPh sb="4" eb="6">
      <t>ツヅキ</t>
    </rPh>
    <phoneticPr fontId="4"/>
  </si>
  <si>
    <t>川和祭（文化祭）</t>
    <rPh sb="0" eb="2">
      <t>カワワ</t>
    </rPh>
    <rPh sb="2" eb="3">
      <t>マツ</t>
    </rPh>
    <rPh sb="4" eb="7">
      <t>ブンカサイ</t>
    </rPh>
    <phoneticPr fontId="4"/>
  </si>
  <si>
    <t>クラスごとの企画や部活動の発表などを行います。</t>
    <rPh sb="6" eb="8">
      <t>キカク</t>
    </rPh>
    <rPh sb="9" eb="12">
      <t>ブカツドウ</t>
    </rPh>
    <rPh sb="13" eb="15">
      <t>ハッピョウ</t>
    </rPh>
    <rPh sb="18" eb="19">
      <t>オコナ</t>
    </rPh>
    <phoneticPr fontId="4"/>
  </si>
  <si>
    <t>2023/9/16</t>
    <phoneticPr fontId="4"/>
  </si>
  <si>
    <t>2023/9/17</t>
    <phoneticPr fontId="4"/>
  </si>
  <si>
    <t>川和高等学校</t>
    <rPh sb="0" eb="2">
      <t>カワワ</t>
    </rPh>
    <rPh sb="2" eb="6">
      <t>コウトウガッコウ</t>
    </rPh>
    <phoneticPr fontId="4"/>
  </si>
  <si>
    <t>都筑ふれあいの丘駅</t>
    <rPh sb="0" eb="2">
      <t>ツヅキ</t>
    </rPh>
    <rPh sb="7" eb="8">
      <t>オカ</t>
    </rPh>
    <rPh sb="8" eb="9">
      <t>エキ</t>
    </rPh>
    <phoneticPr fontId="4"/>
  </si>
  <si>
    <t>川和高等学校</t>
    <rPh sb="0" eb="6">
      <t>カワワコウトウガッコウ</t>
    </rPh>
    <phoneticPr fontId="4"/>
  </si>
  <si>
    <t>一般の方</t>
    <rPh sb="0" eb="2">
      <t>イッパン</t>
    </rPh>
    <rPh sb="3" eb="4">
      <t>カタ</t>
    </rPh>
    <phoneticPr fontId="4"/>
  </si>
  <si>
    <t>https://www.pen-kanagawa.ed.jp/kawawa-h/</t>
    <phoneticPr fontId="4"/>
  </si>
  <si>
    <t>川和高校第２回学校説明会</t>
    <rPh sb="0" eb="4">
      <t>カワワコウコウ</t>
    </rPh>
    <rPh sb="4" eb="5">
      <t>ダイ</t>
    </rPh>
    <rPh sb="6" eb="7">
      <t>カイ</t>
    </rPh>
    <rPh sb="7" eb="9">
      <t>ガッコウ</t>
    </rPh>
    <rPh sb="9" eb="12">
      <t>セツメイカイ</t>
    </rPh>
    <phoneticPr fontId="4"/>
  </si>
  <si>
    <t>教育課程や進路状況、入学者選抜及び学校概要等について説明します。</t>
    <rPh sb="0" eb="4">
      <t>キョウイクカテイ</t>
    </rPh>
    <rPh sb="5" eb="9">
      <t>シンロジョウキョウ</t>
    </rPh>
    <rPh sb="10" eb="15">
      <t>ニュウガクシャセンバツ</t>
    </rPh>
    <rPh sb="15" eb="16">
      <t>オヨ</t>
    </rPh>
    <rPh sb="17" eb="21">
      <t>ガッコウガイヨウ</t>
    </rPh>
    <rPh sb="21" eb="22">
      <t>ナド</t>
    </rPh>
    <rPh sb="26" eb="28">
      <t>セツメイ</t>
    </rPh>
    <phoneticPr fontId="4"/>
  </si>
  <si>
    <t>2023/11/3</t>
    <phoneticPr fontId="4"/>
  </si>
  <si>
    <t>中学校３年生とその保護者</t>
    <phoneticPr fontId="4"/>
  </si>
  <si>
    <t>横浜市
戸塚区</t>
    <rPh sb="0" eb="3">
      <t>ヨコハマシ</t>
    </rPh>
    <phoneticPr fontId="4"/>
  </si>
  <si>
    <t>第１回学校説明会</t>
    <rPh sb="0" eb="1">
      <t>ダイ</t>
    </rPh>
    <rPh sb="2" eb="8">
      <t>カイガッコウセツメイカイ</t>
    </rPh>
    <phoneticPr fontId="4"/>
  </si>
  <si>
    <t>本校の教育理念や指導方針、授業や部活動など生徒の日常、進学実績などについて、配布する資料や映像をもとに説明します。</t>
    <rPh sb="0" eb="2">
      <t>ホンコウ</t>
    </rPh>
    <phoneticPr fontId="4"/>
  </si>
  <si>
    <t>県立上矢部高等学校</t>
    <rPh sb="0" eb="9">
      <t>ケンリツカミヤベコウトウガッコウ</t>
    </rPh>
    <phoneticPr fontId="4"/>
  </si>
  <si>
    <t>戸塚駅
踊場駅
弥生台駅</t>
    <rPh sb="0" eb="3">
      <t>トツカエキ</t>
    </rPh>
    <rPh sb="4" eb="7">
      <t>オドリバエキ</t>
    </rPh>
    <rPh sb="8" eb="12">
      <t>ヤヨイダイエキ</t>
    </rPh>
    <phoneticPr fontId="4"/>
  </si>
  <si>
    <t>本校への進学を考えている中学生・保護者</t>
    <rPh sb="0" eb="2">
      <t>ホンコウ</t>
    </rPh>
    <rPh sb="4" eb="6">
      <t>シンガク</t>
    </rPh>
    <rPh sb="7" eb="8">
      <t>カンガ</t>
    </rPh>
    <rPh sb="12" eb="15">
      <t>チュウガクセイ</t>
    </rPh>
    <rPh sb="16" eb="19">
      <t>ホゴシャ</t>
    </rPh>
    <phoneticPr fontId="4"/>
  </si>
  <si>
    <t>県立上矢部高等学校
総務運営グループ</t>
    <rPh sb="0" eb="9">
      <t>ケンリツカミヤベコウトウガッコウ</t>
    </rPh>
    <rPh sb="10" eb="14">
      <t>ソウムウンエイ</t>
    </rPh>
    <phoneticPr fontId="4"/>
  </si>
  <si>
    <t>https://www.pen-kanagawa.ed.jp/kamiyabe-h/nyugaku/gakkousetumeikaitou.html</t>
    <phoneticPr fontId="4"/>
  </si>
  <si>
    <t>中学生やその保護者に本校の特色や教育内容を知っていただき、本校の特色や教育内容についての理解を深めていただき、生徒一人ひとりの興味・関心や進路希望にあった学校選びの一助とする。</t>
    <rPh sb="0" eb="3">
      <t>チュウガクセイ</t>
    </rPh>
    <rPh sb="6" eb="9">
      <t>ホゴシャ</t>
    </rPh>
    <rPh sb="10" eb="12">
      <t>ホンコウ</t>
    </rPh>
    <rPh sb="13" eb="15">
      <t>トクショク</t>
    </rPh>
    <rPh sb="16" eb="18">
      <t>キョウイク</t>
    </rPh>
    <rPh sb="18" eb="20">
      <t>ナイヨウ</t>
    </rPh>
    <rPh sb="21" eb="22">
      <t>シ</t>
    </rPh>
    <rPh sb="29" eb="31">
      <t>ホンコウ</t>
    </rPh>
    <rPh sb="32" eb="34">
      <t>トクショク</t>
    </rPh>
    <rPh sb="35" eb="37">
      <t>キョウイク</t>
    </rPh>
    <rPh sb="37" eb="39">
      <t>ナイヨウ</t>
    </rPh>
    <rPh sb="44" eb="46">
      <t>リカイ</t>
    </rPh>
    <rPh sb="47" eb="48">
      <t>フカ</t>
    </rPh>
    <rPh sb="55" eb="57">
      <t>セイト</t>
    </rPh>
    <rPh sb="57" eb="59">
      <t>ヒトリ</t>
    </rPh>
    <rPh sb="63" eb="65">
      <t>キョウミ</t>
    </rPh>
    <rPh sb="66" eb="68">
      <t>カンシン</t>
    </rPh>
    <rPh sb="69" eb="71">
      <t>シンロ</t>
    </rPh>
    <rPh sb="71" eb="73">
      <t>キボウ</t>
    </rPh>
    <rPh sb="77" eb="79">
      <t>ガッコウ</t>
    </rPh>
    <rPh sb="79" eb="80">
      <t>エラ</t>
    </rPh>
    <rPh sb="82" eb="84">
      <t>イチジョ</t>
    </rPh>
    <phoneticPr fontId="4"/>
  </si>
  <si>
    <t>横浜桜陽高等学校</t>
    <rPh sb="0" eb="2">
      <t>ヨコハマ</t>
    </rPh>
    <rPh sb="2" eb="4">
      <t>オウヨウ</t>
    </rPh>
    <rPh sb="4" eb="6">
      <t>コウトウ</t>
    </rPh>
    <rPh sb="6" eb="8">
      <t>ガッコウ</t>
    </rPh>
    <phoneticPr fontId="4"/>
  </si>
  <si>
    <t>横浜桜陽高校前バス停</t>
    <rPh sb="0" eb="2">
      <t>ヨコハマ</t>
    </rPh>
    <rPh sb="2" eb="4">
      <t>オウヨウ</t>
    </rPh>
    <rPh sb="4" eb="6">
      <t>コウコウ</t>
    </rPh>
    <rPh sb="6" eb="7">
      <t>マエ</t>
    </rPh>
    <rPh sb="9" eb="10">
      <t>テイ</t>
    </rPh>
    <phoneticPr fontId="4"/>
  </si>
  <si>
    <t>横浜桜陽高等学校
企画・広報グループ</t>
    <rPh sb="0" eb="2">
      <t>ヨコハマ</t>
    </rPh>
    <rPh sb="2" eb="4">
      <t>オウヨウ</t>
    </rPh>
    <rPh sb="4" eb="6">
      <t>コウトウ</t>
    </rPh>
    <rPh sb="6" eb="8">
      <t>ガッコウ</t>
    </rPh>
    <rPh sb="9" eb="11">
      <t>キカク</t>
    </rPh>
    <rPh sb="12" eb="14">
      <t>コウホウ</t>
    </rPh>
    <phoneticPr fontId="4"/>
  </si>
  <si>
    <t>オープンウィーク</t>
    <phoneticPr fontId="4"/>
  </si>
  <si>
    <t>中学生やその保護者、中学校の先生、本校生徒の保護者、地域の方々等に本校の授業や部活動の様子を公開し、本校の特色や教育課湯堂について理解を深めていただく機会とする。</t>
    <rPh sb="0" eb="3">
      <t>チュウガクセイ</t>
    </rPh>
    <rPh sb="6" eb="9">
      <t>ホゴシャ</t>
    </rPh>
    <rPh sb="10" eb="13">
      <t>チュウガッコウ</t>
    </rPh>
    <rPh sb="14" eb="16">
      <t>センセイ</t>
    </rPh>
    <rPh sb="17" eb="19">
      <t>ホンコウ</t>
    </rPh>
    <rPh sb="19" eb="21">
      <t>セイト</t>
    </rPh>
    <rPh sb="22" eb="25">
      <t>ホゴシャ</t>
    </rPh>
    <rPh sb="26" eb="28">
      <t>チイキ</t>
    </rPh>
    <rPh sb="29" eb="32">
      <t>カタガタナド</t>
    </rPh>
    <rPh sb="33" eb="35">
      <t>ホンコウ</t>
    </rPh>
    <rPh sb="36" eb="38">
      <t>ジュギョウ</t>
    </rPh>
    <rPh sb="39" eb="42">
      <t>ブカツドウ</t>
    </rPh>
    <rPh sb="43" eb="45">
      <t>ヨウス</t>
    </rPh>
    <rPh sb="46" eb="48">
      <t>コウカイ</t>
    </rPh>
    <rPh sb="50" eb="52">
      <t>ホンコウ</t>
    </rPh>
    <rPh sb="53" eb="55">
      <t>トクショク</t>
    </rPh>
    <rPh sb="56" eb="58">
      <t>キョウイク</t>
    </rPh>
    <rPh sb="58" eb="59">
      <t>カ</t>
    </rPh>
    <rPh sb="59" eb="60">
      <t>ユ</t>
    </rPh>
    <rPh sb="60" eb="61">
      <t>ドウ</t>
    </rPh>
    <rPh sb="65" eb="67">
      <t>リカイ</t>
    </rPh>
    <rPh sb="68" eb="69">
      <t>フカ</t>
    </rPh>
    <rPh sb="75" eb="77">
      <t>キカイ</t>
    </rPh>
    <phoneticPr fontId="4"/>
  </si>
  <si>
    <t>2023/11/13</t>
    <phoneticPr fontId="4"/>
  </si>
  <si>
    <t>2023/11/17</t>
    <phoneticPr fontId="4"/>
  </si>
  <si>
    <t>中学校とその保護者、中学校の先生、本校生徒の保護者、地域の方々</t>
    <rPh sb="0" eb="3">
      <t>チュウガッコウ</t>
    </rPh>
    <rPh sb="6" eb="9">
      <t>ホゴシャ</t>
    </rPh>
    <rPh sb="10" eb="13">
      <t>チュウガッコウ</t>
    </rPh>
    <rPh sb="14" eb="16">
      <t>センセイ</t>
    </rPh>
    <rPh sb="17" eb="19">
      <t>ホンコウ</t>
    </rPh>
    <rPh sb="19" eb="21">
      <t>セイト</t>
    </rPh>
    <rPh sb="22" eb="25">
      <t>ホゴシャ</t>
    </rPh>
    <rPh sb="26" eb="28">
      <t>チイキ</t>
    </rPh>
    <rPh sb="29" eb="31">
      <t>カタガタ</t>
    </rPh>
    <phoneticPr fontId="4"/>
  </si>
  <si>
    <t>横浜市
栄区</t>
    <rPh sb="0" eb="3">
      <t>ヨコハマシ</t>
    </rPh>
    <phoneticPr fontId="4"/>
  </si>
  <si>
    <t>本校への入学を希望する中学生とその保護者を対象に、本校が求める生徒像や、教育活動の現状、入学者選抜の予定などをお話しします。</t>
    <rPh sb="0" eb="2">
      <t>ホンコウ</t>
    </rPh>
    <rPh sb="4" eb="6">
      <t>ニュウガク</t>
    </rPh>
    <rPh sb="7" eb="9">
      <t>キボウ</t>
    </rPh>
    <rPh sb="11" eb="14">
      <t>チュウガクセイ</t>
    </rPh>
    <rPh sb="17" eb="20">
      <t>ホゴシャ</t>
    </rPh>
    <rPh sb="21" eb="23">
      <t>タイショウ</t>
    </rPh>
    <rPh sb="25" eb="27">
      <t>ホンコウ</t>
    </rPh>
    <rPh sb="28" eb="29">
      <t>モト</t>
    </rPh>
    <rPh sb="31" eb="34">
      <t>セイトゾウ</t>
    </rPh>
    <rPh sb="36" eb="40">
      <t>キョウイクカツドウ</t>
    </rPh>
    <rPh sb="41" eb="43">
      <t>ゲンジョウ</t>
    </rPh>
    <rPh sb="44" eb="47">
      <t>ニュウガクシャ</t>
    </rPh>
    <rPh sb="47" eb="49">
      <t>センバツ</t>
    </rPh>
    <rPh sb="50" eb="52">
      <t>ヨテイ</t>
    </rPh>
    <rPh sb="56" eb="57">
      <t>ハナシ</t>
    </rPh>
    <phoneticPr fontId="4"/>
  </si>
  <si>
    <t>柏陽高等学校</t>
    <rPh sb="0" eb="2">
      <t>ハクヨウ</t>
    </rPh>
    <rPh sb="2" eb="6">
      <t>コウトウガッコウ</t>
    </rPh>
    <phoneticPr fontId="4"/>
  </si>
  <si>
    <t>本郷台駅</t>
    <rPh sb="0" eb="3">
      <t>ホンゴウダイ</t>
    </rPh>
    <rPh sb="3" eb="4">
      <t>エキ</t>
    </rPh>
    <phoneticPr fontId="4"/>
  </si>
  <si>
    <t>柏陽高等学校
研究・広報グループ</t>
    <rPh sb="0" eb="6">
      <t>ハクヨウコウトウガッコウ</t>
    </rPh>
    <rPh sb="7" eb="9">
      <t>ケンキュウ</t>
    </rPh>
    <rPh sb="10" eb="12">
      <t>コウホウ</t>
    </rPh>
    <phoneticPr fontId="4"/>
  </si>
  <si>
    <t>https://www.pen-kanagawa.ed.jp/hakuyo-h/nyugaku/briefing2022.html</t>
    <phoneticPr fontId="4"/>
  </si>
  <si>
    <t>川崎市
川崎区</t>
  </si>
  <si>
    <t>第１回学校見学会</t>
  </si>
  <si>
    <t>本校入学希望者及び保護者等に、本校施設を実際に見学してもらうことで、本校の魅力を発信します。</t>
    <rPh sb="7" eb="8">
      <t>オヨ</t>
    </rPh>
    <rPh sb="9" eb="12">
      <t>ホゴシャ</t>
    </rPh>
    <rPh sb="12" eb="13">
      <t>トウ</t>
    </rPh>
    <rPh sb="15" eb="17">
      <t>ホンコウ</t>
    </rPh>
    <rPh sb="17" eb="19">
      <t>シセツ</t>
    </rPh>
    <rPh sb="20" eb="22">
      <t>ジッサイ</t>
    </rPh>
    <rPh sb="23" eb="25">
      <t>ケンガク</t>
    </rPh>
    <phoneticPr fontId="4"/>
  </si>
  <si>
    <t>2023/10/28</t>
  </si>
  <si>
    <t>神奈川県立川崎高等学校</t>
  </si>
  <si>
    <t>川崎新町駅
八丁畷駅</t>
  </si>
  <si>
    <t>本校入学希望者及び保護者</t>
    <rPh sb="0" eb="2">
      <t>ホンコウ</t>
    </rPh>
    <rPh sb="2" eb="4">
      <t>ニュウガク</t>
    </rPh>
    <rPh sb="4" eb="7">
      <t>キボウシャ</t>
    </rPh>
    <rPh sb="7" eb="8">
      <t>オヨ</t>
    </rPh>
    <rPh sb="9" eb="12">
      <t>ホゴシャ</t>
    </rPh>
    <phoneticPr fontId="4"/>
  </si>
  <si>
    <t>神奈川県立川崎高等学校
学校経営推進Ｇ</t>
    <rPh sb="12" eb="18">
      <t>ガッコウケイエイスイシン</t>
    </rPh>
    <phoneticPr fontId="4"/>
  </si>
  <si>
    <t>https://www.pen-kanagawa.ed.jp/kawasaki-h/nyugaku/kakushusetsumeikai2022.html</t>
    <phoneticPr fontId="4"/>
  </si>
  <si>
    <t>川崎市
中原区</t>
    <rPh sb="0" eb="3">
      <t>カワサキシ</t>
    </rPh>
    <phoneticPr fontId="4"/>
  </si>
  <si>
    <t>高校体験プログラム</t>
    <rPh sb="0" eb="4">
      <t>コウコウタイケン</t>
    </rPh>
    <phoneticPr fontId="4"/>
  </si>
  <si>
    <t>中学２・３年生を対象にものづくり体験授業を通して、教育内容や特色について中学生、保護者に理解を深めてもらい、高校選びについて考えていただく機会を提供します。</t>
    <rPh sb="0" eb="2">
      <t>チュウガク</t>
    </rPh>
    <rPh sb="5" eb="7">
      <t>ネンセイ</t>
    </rPh>
    <rPh sb="8" eb="10">
      <t>タイショウ</t>
    </rPh>
    <rPh sb="16" eb="18">
      <t>タイケン</t>
    </rPh>
    <rPh sb="18" eb="20">
      <t>ジュギョウ</t>
    </rPh>
    <rPh sb="21" eb="22">
      <t>トオ</t>
    </rPh>
    <rPh sb="25" eb="27">
      <t>キョウイク</t>
    </rPh>
    <rPh sb="27" eb="29">
      <t>ナイヨウ</t>
    </rPh>
    <rPh sb="30" eb="32">
      <t>トクショク</t>
    </rPh>
    <rPh sb="36" eb="39">
      <t>チュウガクセイ</t>
    </rPh>
    <rPh sb="40" eb="43">
      <t>ホゴシャ</t>
    </rPh>
    <rPh sb="44" eb="46">
      <t>リカイ</t>
    </rPh>
    <rPh sb="47" eb="48">
      <t>フカ</t>
    </rPh>
    <rPh sb="54" eb="56">
      <t>コウコウ</t>
    </rPh>
    <rPh sb="56" eb="57">
      <t>エラ</t>
    </rPh>
    <rPh sb="62" eb="63">
      <t>カンガ</t>
    </rPh>
    <rPh sb="69" eb="71">
      <t>キカイ</t>
    </rPh>
    <rPh sb="72" eb="74">
      <t>テイキョウ</t>
    </rPh>
    <phoneticPr fontId="4"/>
  </si>
  <si>
    <t>2023/9/30</t>
    <phoneticPr fontId="4"/>
  </si>
  <si>
    <t>県立川崎工科高等学校</t>
    <rPh sb="0" eb="10">
      <t>ケンリツカワサキコウカコウトウガッコウ</t>
    </rPh>
    <phoneticPr fontId="4"/>
  </si>
  <si>
    <t>JR南武線平間駅またはJR横須賀線新川崎駅</t>
    <rPh sb="2" eb="5">
      <t>ナンブセン</t>
    </rPh>
    <rPh sb="5" eb="8">
      <t>ヒラマエキ</t>
    </rPh>
    <rPh sb="13" eb="17">
      <t>ヨコスカセン</t>
    </rPh>
    <rPh sb="17" eb="21">
      <t>シンカワサキエキ</t>
    </rPh>
    <phoneticPr fontId="4"/>
  </si>
  <si>
    <t>広報連携グループ</t>
    <rPh sb="0" eb="4">
      <t>コウホウレンケイ</t>
    </rPh>
    <phoneticPr fontId="4"/>
  </si>
  <si>
    <t>中学２・３年生</t>
    <rPh sb="0" eb="2">
      <t>チュウガク</t>
    </rPh>
    <rPh sb="5" eb="7">
      <t>ネンセイ</t>
    </rPh>
    <phoneticPr fontId="4"/>
  </si>
  <si>
    <t>その他</t>
  </si>
  <si>
    <t>https://www.pen-kanagawa.ed.jp/kawasakikoka-th/nyugaku/koukoutaikenn.html</t>
    <phoneticPr fontId="4"/>
  </si>
  <si>
    <t>第一回学校説明会</t>
    <rPh sb="0" eb="3">
      <t>ダイイッカイ</t>
    </rPh>
    <rPh sb="3" eb="8">
      <t>ガッコウセツメイカイ</t>
    </rPh>
    <phoneticPr fontId="4"/>
  </si>
  <si>
    <t>中学生とその保護者を対象に、本校の教育内容や特色について説明します。ご希望に応じて個別相談の時間を設け、本校への理解を深める機会とします。</t>
    <rPh sb="0" eb="3">
      <t>チュウガクセイ</t>
    </rPh>
    <rPh sb="6" eb="9">
      <t>ホゴシャ</t>
    </rPh>
    <rPh sb="10" eb="12">
      <t>タイショウ</t>
    </rPh>
    <rPh sb="14" eb="16">
      <t>ホンコウ</t>
    </rPh>
    <rPh sb="17" eb="21">
      <t>キョウイクナイヨウ</t>
    </rPh>
    <rPh sb="22" eb="24">
      <t>トクショク</t>
    </rPh>
    <rPh sb="28" eb="30">
      <t>セツメイ</t>
    </rPh>
    <rPh sb="35" eb="37">
      <t>キボウ</t>
    </rPh>
    <rPh sb="38" eb="39">
      <t>オウ</t>
    </rPh>
    <rPh sb="41" eb="45">
      <t>コベツソウダン</t>
    </rPh>
    <rPh sb="46" eb="48">
      <t>ジカン</t>
    </rPh>
    <rPh sb="49" eb="50">
      <t>モウ</t>
    </rPh>
    <rPh sb="52" eb="54">
      <t>ホンコウ</t>
    </rPh>
    <rPh sb="56" eb="58">
      <t>リカイ</t>
    </rPh>
    <rPh sb="59" eb="60">
      <t>フカ</t>
    </rPh>
    <rPh sb="62" eb="64">
      <t>キカイ</t>
    </rPh>
    <phoneticPr fontId="4"/>
  </si>
  <si>
    <t>川崎市立幸市民館</t>
    <rPh sb="0" eb="4">
      <t>カワサキイチリツ</t>
    </rPh>
    <rPh sb="4" eb="8">
      <t>サイワイシミンカン</t>
    </rPh>
    <phoneticPr fontId="4"/>
  </si>
  <si>
    <t>JR南武線矢向駅から　徒歩約15分・JR南武線鹿島田駅から　徒歩約20分</t>
    <rPh sb="2" eb="5">
      <t>ナンブセン</t>
    </rPh>
    <rPh sb="5" eb="7">
      <t>ヤコウ</t>
    </rPh>
    <rPh sb="7" eb="8">
      <t>エキ</t>
    </rPh>
    <rPh sb="11" eb="13">
      <t>トホ</t>
    </rPh>
    <rPh sb="13" eb="14">
      <t>ヤク</t>
    </rPh>
    <rPh sb="16" eb="17">
      <t>フン</t>
    </rPh>
    <rPh sb="20" eb="23">
      <t>ナンブセン</t>
    </rPh>
    <rPh sb="23" eb="26">
      <t>カシマダ</t>
    </rPh>
    <rPh sb="26" eb="27">
      <t>エキ</t>
    </rPh>
    <rPh sb="30" eb="32">
      <t>トホ</t>
    </rPh>
    <rPh sb="32" eb="33">
      <t>ヤク</t>
    </rPh>
    <rPh sb="35" eb="36">
      <t>フン</t>
    </rPh>
    <phoneticPr fontId="4"/>
  </si>
  <si>
    <t>住吉高等学校</t>
    <rPh sb="0" eb="2">
      <t>スミヨシ</t>
    </rPh>
    <rPh sb="2" eb="6">
      <t>コウトウガッコウ</t>
    </rPh>
    <phoneticPr fontId="4"/>
  </si>
  <si>
    <t>中学生及びその保護者</t>
    <rPh sb="0" eb="3">
      <t>チュウガクセイ</t>
    </rPh>
    <rPh sb="3" eb="4">
      <t>オヨ</t>
    </rPh>
    <rPh sb="7" eb="10">
      <t>ホゴシャ</t>
    </rPh>
    <phoneticPr fontId="4"/>
  </si>
  <si>
    <t>住吉高等学校　総務管理グループ</t>
    <rPh sb="0" eb="2">
      <t>スミヨシ</t>
    </rPh>
    <rPh sb="2" eb="6">
      <t>コウトウガッコウ</t>
    </rPh>
    <rPh sb="7" eb="11">
      <t>ソウムカンリ</t>
    </rPh>
    <phoneticPr fontId="4"/>
  </si>
  <si>
    <t>https://www.pen-kanagawa.ed.jp/sumiyoshi-h/nyugaku/r4/r4_gakkousetumeikai.html</t>
    <phoneticPr fontId="4"/>
  </si>
  <si>
    <t>川工祭（文化祭）</t>
    <rPh sb="0" eb="3">
      <t>カワコウサイ</t>
    </rPh>
    <rPh sb="4" eb="7">
      <t>ブンカサイ</t>
    </rPh>
    <phoneticPr fontId="4"/>
  </si>
  <si>
    <t>生徒の教育活動の成果を発表する場を公開します。各クラスや部活動の作品展示や発表のほか、工業のものづくり体験をすることができます。また、校内見学ツアーも開催します。</t>
    <rPh sb="0" eb="2">
      <t>セイト</t>
    </rPh>
    <rPh sb="3" eb="7">
      <t>キョウイクカツドウ</t>
    </rPh>
    <rPh sb="8" eb="10">
      <t>セイカ</t>
    </rPh>
    <rPh sb="11" eb="13">
      <t>ハッピョウ</t>
    </rPh>
    <rPh sb="15" eb="16">
      <t>バ</t>
    </rPh>
    <rPh sb="17" eb="19">
      <t>コウカイ</t>
    </rPh>
    <rPh sb="23" eb="24">
      <t>カク</t>
    </rPh>
    <rPh sb="28" eb="31">
      <t>ブカツドウ</t>
    </rPh>
    <rPh sb="32" eb="36">
      <t>サクヒンテンジ</t>
    </rPh>
    <rPh sb="37" eb="39">
      <t>ハッピョウ</t>
    </rPh>
    <rPh sb="43" eb="45">
      <t>コウギョウ</t>
    </rPh>
    <rPh sb="51" eb="53">
      <t>タイケン</t>
    </rPh>
    <rPh sb="67" eb="71">
      <t>コウナイケンガク</t>
    </rPh>
    <rPh sb="75" eb="77">
      <t>カイサイ</t>
    </rPh>
    <phoneticPr fontId="4"/>
  </si>
  <si>
    <t>生徒支援グループ</t>
    <rPh sb="0" eb="4">
      <t>セイトシエン</t>
    </rPh>
    <phoneticPr fontId="4"/>
  </si>
  <si>
    <t>かながわの教育に関心のある人</t>
    <phoneticPr fontId="4"/>
  </si>
  <si>
    <t>https://www.pen-kanagawa.ed.jp/kawasakikoka-th/nyugaku/bunkasai.html</t>
    <phoneticPr fontId="4"/>
  </si>
  <si>
    <t>川崎市
多摩区</t>
    <rPh sb="0" eb="3">
      <t>カワサキシ</t>
    </rPh>
    <phoneticPr fontId="4"/>
  </si>
  <si>
    <t>向友祭（文化祭）</t>
    <rPh sb="0" eb="1">
      <t>ムカイ</t>
    </rPh>
    <rPh sb="1" eb="2">
      <t>トモ</t>
    </rPh>
    <rPh sb="2" eb="3">
      <t>マツリ</t>
    </rPh>
    <rPh sb="4" eb="7">
      <t>ブンカサイ</t>
    </rPh>
    <phoneticPr fontId="4"/>
  </si>
  <si>
    <t>本校の学校目標はものづくり立県かながわの担い手となるマイスター育成を目指す学校づくりであり、日ごろの取組の成果について生徒が運営発表することで、人材育成を図っていきます。</t>
  </si>
  <si>
    <t>向の岡工業高校</t>
    <rPh sb="0" eb="1">
      <t>ムカイ</t>
    </rPh>
    <rPh sb="2" eb="7">
      <t>オカコウギョウコウコウ</t>
    </rPh>
    <phoneticPr fontId="4"/>
  </si>
  <si>
    <t>久地駅</t>
    <rPh sb="0" eb="3">
      <t>クジエキ</t>
    </rPh>
    <phoneticPr fontId="4"/>
  </si>
  <si>
    <t>工業高校に興味ある人</t>
    <rPh sb="0" eb="2">
      <t>コウギョウ</t>
    </rPh>
    <rPh sb="2" eb="4">
      <t>コウコウ</t>
    </rPh>
    <rPh sb="5" eb="7">
      <t>キョウミ</t>
    </rPh>
    <rPh sb="9" eb="10">
      <t>ヒト</t>
    </rPh>
    <phoneticPr fontId="4"/>
  </si>
  <si>
    <t>TECHLAB</t>
    <phoneticPr fontId="4"/>
  </si>
  <si>
    <t>ものづくりに興味のある中学生向けの体験講座です。</t>
    <rPh sb="6" eb="8">
      <t>キョウミ</t>
    </rPh>
    <rPh sb="11" eb="14">
      <t>チュウガクセイ</t>
    </rPh>
    <rPh sb="14" eb="15">
      <t>ム</t>
    </rPh>
    <rPh sb="17" eb="19">
      <t>タイケン</t>
    </rPh>
    <rPh sb="19" eb="21">
      <t>コウザ</t>
    </rPh>
    <phoneticPr fontId="4"/>
  </si>
  <si>
    <t>工業高校に興味ある中学生</t>
    <rPh sb="0" eb="2">
      <t>コウギョウ</t>
    </rPh>
    <rPh sb="2" eb="4">
      <t>コウコウ</t>
    </rPh>
    <rPh sb="5" eb="7">
      <t>キョウミ</t>
    </rPh>
    <rPh sb="9" eb="12">
      <t>チュウガクセイ</t>
    </rPh>
    <phoneticPr fontId="4"/>
  </si>
  <si>
    <t>有料</t>
  </si>
  <si>
    <t>川崎市
麻生区</t>
    <rPh sb="0" eb="3">
      <t>カワサキシ</t>
    </rPh>
    <phoneticPr fontId="4"/>
  </si>
  <si>
    <t>学校説明会・部活動紹介</t>
    <rPh sb="0" eb="2">
      <t>ガッコウ</t>
    </rPh>
    <rPh sb="2" eb="5">
      <t>セツメイカイ</t>
    </rPh>
    <rPh sb="6" eb="9">
      <t>ブカツドウ</t>
    </rPh>
    <rPh sb="9" eb="11">
      <t>ショウカイ</t>
    </rPh>
    <phoneticPr fontId="4"/>
  </si>
  <si>
    <t>公開授業、学校紹介（学校生活、部活動等説明、制服紹介など）、教育課程、進路、入学者選抜等説明を行っています。また、校舎内見学、個別相談、部活動紹介ブースでの説明会も実施しています。</t>
    <rPh sb="0" eb="2">
      <t>コウカイ</t>
    </rPh>
    <rPh sb="2" eb="4">
      <t>ジュギョウ</t>
    </rPh>
    <rPh sb="68" eb="71">
      <t>ブカツドウ</t>
    </rPh>
    <rPh sb="71" eb="73">
      <t>ショウカイ</t>
    </rPh>
    <rPh sb="78" eb="81">
      <t>セツメイカイ</t>
    </rPh>
    <rPh sb="82" eb="84">
      <t>ジッシ</t>
    </rPh>
    <phoneticPr fontId="4"/>
  </si>
  <si>
    <t>麻生高等学校</t>
    <rPh sb="0" eb="2">
      <t>アサオ</t>
    </rPh>
    <rPh sb="2" eb="4">
      <t>コウトウ</t>
    </rPh>
    <rPh sb="4" eb="6">
      <t>ガッコウ</t>
    </rPh>
    <phoneticPr fontId="4"/>
  </si>
  <si>
    <t>新百合ヶ丘駅</t>
    <rPh sb="0" eb="5">
      <t>シンユリガオカ</t>
    </rPh>
    <rPh sb="5" eb="6">
      <t>エキ</t>
    </rPh>
    <phoneticPr fontId="4"/>
  </si>
  <si>
    <t>麻生高等学校</t>
    <rPh sb="0" eb="2">
      <t>アサオ</t>
    </rPh>
    <rPh sb="2" eb="6">
      <t>コウトウガッコウ</t>
    </rPh>
    <phoneticPr fontId="4"/>
  </si>
  <si>
    <t>麻生高等学校</t>
    <rPh sb="0" eb="6">
      <t>アサオコウトウガッコウ</t>
    </rPh>
    <phoneticPr fontId="4"/>
  </si>
  <si>
    <t>https://www.pen-kanagawa.ed.jp/asao-h/nyugaku/nyuugaku_gakkousetumeika.html</t>
    <phoneticPr fontId="4"/>
  </si>
  <si>
    <t>きて　みて　であう　あさお週間</t>
    <rPh sb="13" eb="15">
      <t>シュウカン</t>
    </rPh>
    <phoneticPr fontId="4"/>
  </si>
  <si>
    <t>麻生支援学校の教育活動を保護者や地域へ公開することをとおして、本校を身近に感じる契機とし、地域社会との連携を推進します。</t>
    <rPh sb="0" eb="4">
      <t>アサオシエン</t>
    </rPh>
    <rPh sb="4" eb="6">
      <t>ガッコウ</t>
    </rPh>
    <rPh sb="7" eb="9">
      <t>キョウイク</t>
    </rPh>
    <rPh sb="9" eb="11">
      <t>カツドウ</t>
    </rPh>
    <rPh sb="12" eb="15">
      <t>ホゴシャ</t>
    </rPh>
    <rPh sb="16" eb="18">
      <t>チイキ</t>
    </rPh>
    <rPh sb="19" eb="21">
      <t>コウカイ</t>
    </rPh>
    <rPh sb="31" eb="33">
      <t>ホンコウ</t>
    </rPh>
    <rPh sb="34" eb="36">
      <t>ミジカ</t>
    </rPh>
    <rPh sb="37" eb="38">
      <t>カン</t>
    </rPh>
    <rPh sb="40" eb="42">
      <t>ケイキ</t>
    </rPh>
    <rPh sb="45" eb="49">
      <t>チイキシャカイ</t>
    </rPh>
    <rPh sb="51" eb="53">
      <t>レンケイ</t>
    </rPh>
    <rPh sb="54" eb="56">
      <t>スイシン</t>
    </rPh>
    <phoneticPr fontId="4"/>
  </si>
  <si>
    <t>麻生支援学校</t>
    <rPh sb="0" eb="6">
      <t>アサオシエンガッコウ</t>
    </rPh>
    <phoneticPr fontId="4"/>
  </si>
  <si>
    <t>柿生駅</t>
    <rPh sb="0" eb="3">
      <t>カキオエキ</t>
    </rPh>
    <phoneticPr fontId="4"/>
  </si>
  <si>
    <t>令和７年度、８年度に麻生支援学校の入学を検討している幼児児童生徒及びその保護者または地域の方</t>
    <rPh sb="0" eb="2">
      <t>レイワ</t>
    </rPh>
    <rPh sb="3" eb="5">
      <t>ネンド</t>
    </rPh>
    <rPh sb="7" eb="9">
      <t>ネンド</t>
    </rPh>
    <rPh sb="10" eb="16">
      <t>アサオシエンガッコウ</t>
    </rPh>
    <rPh sb="17" eb="19">
      <t>ニュウガク</t>
    </rPh>
    <rPh sb="20" eb="22">
      <t>ケントウ</t>
    </rPh>
    <rPh sb="26" eb="28">
      <t>ヨウジ</t>
    </rPh>
    <rPh sb="28" eb="32">
      <t>ジドウセイト</t>
    </rPh>
    <rPh sb="32" eb="33">
      <t>オヨ</t>
    </rPh>
    <rPh sb="36" eb="39">
      <t>ホゴシャ</t>
    </rPh>
    <rPh sb="42" eb="44">
      <t>チイキ</t>
    </rPh>
    <rPh sb="45" eb="46">
      <t>カタ</t>
    </rPh>
    <phoneticPr fontId="4"/>
  </si>
  <si>
    <t>麻生支援学校　カリキュラム研究開発グループ</t>
    <rPh sb="0" eb="6">
      <t>アサオシエンガッコウ</t>
    </rPh>
    <rPh sb="13" eb="15">
      <t>ケンキュウ</t>
    </rPh>
    <rPh sb="15" eb="17">
      <t>カイハツ</t>
    </rPh>
    <phoneticPr fontId="4"/>
  </si>
  <si>
    <t>公開講座</t>
    <rPh sb="0" eb="4">
      <t>コウカイコウザ</t>
    </rPh>
    <phoneticPr fontId="4"/>
  </si>
  <si>
    <t>災害対策の具体的なポイントや、障害のある方向けの支援に役立つ知識や情報を提供します。</t>
    <rPh sb="0" eb="2">
      <t>サイガイ</t>
    </rPh>
    <rPh sb="2" eb="4">
      <t>タイサク</t>
    </rPh>
    <rPh sb="5" eb="8">
      <t>グタイテキ</t>
    </rPh>
    <rPh sb="15" eb="17">
      <t>ショウガイ</t>
    </rPh>
    <rPh sb="20" eb="21">
      <t>カタ</t>
    </rPh>
    <rPh sb="21" eb="22">
      <t>ム</t>
    </rPh>
    <rPh sb="24" eb="26">
      <t>シエン</t>
    </rPh>
    <rPh sb="27" eb="29">
      <t>ヤクダ</t>
    </rPh>
    <rPh sb="30" eb="32">
      <t>チシキ</t>
    </rPh>
    <rPh sb="33" eb="35">
      <t>ジョウホウ</t>
    </rPh>
    <rPh sb="36" eb="38">
      <t>テイキョウ</t>
    </rPh>
    <phoneticPr fontId="3"/>
  </si>
  <si>
    <t>・地域の障害児への事業提供者
・地域の学校の教職員及び保護者</t>
    <rPh sb="1" eb="3">
      <t>チイキ</t>
    </rPh>
    <rPh sb="4" eb="7">
      <t>ショウガイジ</t>
    </rPh>
    <rPh sb="9" eb="14">
      <t>ジギョウテイキョウシャ</t>
    </rPh>
    <rPh sb="16" eb="18">
      <t>チイキ</t>
    </rPh>
    <rPh sb="19" eb="21">
      <t>ガッコウ</t>
    </rPh>
    <rPh sb="22" eb="25">
      <t>キョウショクイン</t>
    </rPh>
    <rPh sb="25" eb="26">
      <t>オヨ</t>
    </rPh>
    <rPh sb="27" eb="30">
      <t>ホゴシャ</t>
    </rPh>
    <phoneticPr fontId="4"/>
  </si>
  <si>
    <t>麻生支援学校　支援連携グループ</t>
    <rPh sb="0" eb="6">
      <t>アサオシエンガッコウ</t>
    </rPh>
    <rPh sb="7" eb="9">
      <t>シエン</t>
    </rPh>
    <rPh sb="9" eb="11">
      <t>レンケイ</t>
    </rPh>
    <phoneticPr fontId="4"/>
  </si>
  <si>
    <t>第3回学校説明会</t>
    <rPh sb="0" eb="1">
      <t>ダイ</t>
    </rPh>
    <rPh sb="2" eb="3">
      <t>カイ</t>
    </rPh>
    <rPh sb="3" eb="8">
      <t>ガッコウセツメイカイ</t>
    </rPh>
    <phoneticPr fontId="4"/>
  </si>
  <si>
    <t>本校の教育活動についての説明を行い、総合学科の特色や、生徒の学びの様子をお伝えします。</t>
    <rPh sb="0" eb="2">
      <t>ホンコウ</t>
    </rPh>
    <rPh sb="3" eb="7">
      <t>キョウイクカツドウ</t>
    </rPh>
    <rPh sb="12" eb="14">
      <t>セツメイ</t>
    </rPh>
    <rPh sb="15" eb="16">
      <t>オコナ</t>
    </rPh>
    <rPh sb="18" eb="22">
      <t>ソウゴウガッカ</t>
    </rPh>
    <rPh sb="23" eb="25">
      <t>トクショク</t>
    </rPh>
    <rPh sb="27" eb="29">
      <t>セイト</t>
    </rPh>
    <rPh sb="30" eb="31">
      <t>マナ</t>
    </rPh>
    <rPh sb="33" eb="35">
      <t>ヨウス</t>
    </rPh>
    <rPh sb="37" eb="38">
      <t>ツタ</t>
    </rPh>
    <phoneticPr fontId="4"/>
  </si>
  <si>
    <t>麻生総合高等学校</t>
    <rPh sb="0" eb="4">
      <t>アサオソウゴウ</t>
    </rPh>
    <rPh sb="4" eb="8">
      <t>コウトウガッコウ</t>
    </rPh>
    <phoneticPr fontId="4"/>
  </si>
  <si>
    <t>小田急線「五月台駅」または「柿生駅」　鶴川駅よりバス「平和台北」</t>
    <rPh sb="0" eb="4">
      <t>オダキュウセン</t>
    </rPh>
    <rPh sb="5" eb="8">
      <t>サツキダイ</t>
    </rPh>
    <rPh sb="8" eb="9">
      <t>エキ</t>
    </rPh>
    <rPh sb="14" eb="16">
      <t>カキオ</t>
    </rPh>
    <rPh sb="16" eb="17">
      <t>エキ</t>
    </rPh>
    <rPh sb="19" eb="21">
      <t>ツルカワ</t>
    </rPh>
    <rPh sb="21" eb="22">
      <t>エキ</t>
    </rPh>
    <rPh sb="27" eb="30">
      <t>ヘイワダイ</t>
    </rPh>
    <rPh sb="30" eb="31">
      <t>キタ</t>
    </rPh>
    <phoneticPr fontId="4"/>
  </si>
  <si>
    <t>麻生総合高等学校研究広報グループ</t>
    <rPh sb="0" eb="4">
      <t>アサオソウゴウ</t>
    </rPh>
    <rPh sb="4" eb="8">
      <t>コウトウガッコウ</t>
    </rPh>
    <rPh sb="8" eb="10">
      <t>ケンキュウ</t>
    </rPh>
    <rPh sb="10" eb="12">
      <t>コウホウ</t>
    </rPh>
    <phoneticPr fontId="4"/>
  </si>
  <si>
    <t>県立学校への入学を考えている中学生及びその保護者</t>
    <rPh sb="0" eb="2">
      <t>ケンリツ</t>
    </rPh>
    <rPh sb="2" eb="4">
      <t>ガッコウ</t>
    </rPh>
    <rPh sb="6" eb="8">
      <t>ニュウガク</t>
    </rPh>
    <rPh sb="9" eb="10">
      <t>カンガ</t>
    </rPh>
    <rPh sb="14" eb="17">
      <t>チュウガクセイ</t>
    </rPh>
    <rPh sb="17" eb="18">
      <t>オヨ</t>
    </rPh>
    <rPh sb="21" eb="24">
      <t>ホゴシャ</t>
    </rPh>
    <phoneticPr fontId="4"/>
  </si>
  <si>
    <t>https://www.pen-kanagawa.ed.jp/asaosogo-ih/</t>
    <phoneticPr fontId="4"/>
  </si>
  <si>
    <t>学校説明会・部活動見学</t>
    <rPh sb="0" eb="2">
      <t>ガッコウ</t>
    </rPh>
    <rPh sb="2" eb="5">
      <t>セツメイカイ</t>
    </rPh>
    <rPh sb="6" eb="9">
      <t>ブカツドウ</t>
    </rPh>
    <rPh sb="9" eb="11">
      <t>ケンガク</t>
    </rPh>
    <phoneticPr fontId="4"/>
  </si>
  <si>
    <t>学校紹介（学校生活、部活動等説明、制服紹介など）、教育課程、進路、入学者選抜等説明、生徒発表を行っています。また、校舎内見学、個別相談も実施しています。</t>
    <phoneticPr fontId="4"/>
  </si>
  <si>
    <t>2023/11/11</t>
  </si>
  <si>
    <t>相模原市
緑区</t>
  </si>
  <si>
    <t>第2回学校運営協議会</t>
    <rPh sb="0" eb="1">
      <t>ダイ</t>
    </rPh>
    <rPh sb="2" eb="3">
      <t>カイ</t>
    </rPh>
    <rPh sb="3" eb="5">
      <t>ガッコウ</t>
    </rPh>
    <rPh sb="5" eb="7">
      <t>ウンエイ</t>
    </rPh>
    <rPh sb="7" eb="10">
      <t>キョウギカイ</t>
    </rPh>
    <phoneticPr fontId="4"/>
  </si>
  <si>
    <t>地域の状況等の共有、学校評議部会や各グループの取組の進捗状況の報告のち協議を行います。地域とつながる進路指導について（仮題）、防災部会および切れ目ない支援部会についての報告を行います。</t>
    <rPh sb="0" eb="2">
      <t>チイキ</t>
    </rPh>
    <rPh sb="3" eb="6">
      <t>ジョウキョウトウ</t>
    </rPh>
    <rPh sb="7" eb="9">
      <t>キョウユウ</t>
    </rPh>
    <rPh sb="10" eb="16">
      <t>ガッコウヒョウギブカイ</t>
    </rPh>
    <rPh sb="17" eb="18">
      <t>カク</t>
    </rPh>
    <rPh sb="23" eb="25">
      <t>トリクミ</t>
    </rPh>
    <rPh sb="26" eb="28">
      <t>シンチョク</t>
    </rPh>
    <rPh sb="28" eb="30">
      <t>ジョウキョウ</t>
    </rPh>
    <rPh sb="31" eb="33">
      <t>ホウコク</t>
    </rPh>
    <rPh sb="35" eb="37">
      <t>キョウギ</t>
    </rPh>
    <rPh sb="38" eb="39">
      <t>オコナ</t>
    </rPh>
    <rPh sb="43" eb="45">
      <t>チイキ</t>
    </rPh>
    <rPh sb="50" eb="54">
      <t>シンロシドウ</t>
    </rPh>
    <rPh sb="59" eb="60">
      <t>カリ</t>
    </rPh>
    <rPh sb="60" eb="61">
      <t>ダイ</t>
    </rPh>
    <rPh sb="63" eb="65">
      <t>ボウサイ</t>
    </rPh>
    <rPh sb="65" eb="67">
      <t>ブカイ</t>
    </rPh>
    <rPh sb="70" eb="71">
      <t>キ</t>
    </rPh>
    <rPh sb="72" eb="73">
      <t>メ</t>
    </rPh>
    <rPh sb="75" eb="79">
      <t>シエンブカイ</t>
    </rPh>
    <rPh sb="84" eb="86">
      <t>ホウコク</t>
    </rPh>
    <rPh sb="87" eb="88">
      <t>オコナ</t>
    </rPh>
    <phoneticPr fontId="4"/>
  </si>
  <si>
    <t>2023/9/19</t>
    <phoneticPr fontId="4"/>
  </si>
  <si>
    <t>津久井支援学校</t>
    <rPh sb="0" eb="7">
      <t>ツクイシエンガッコウ</t>
    </rPh>
    <phoneticPr fontId="4"/>
  </si>
  <si>
    <t>ＪＲ相模湖駅</t>
    <rPh sb="2" eb="6">
      <t>サガミコエキ</t>
    </rPh>
    <phoneticPr fontId="4"/>
  </si>
  <si>
    <t>学校運営評議委員（本校関係者・地域の方）</t>
    <rPh sb="0" eb="2">
      <t>ガッコウ</t>
    </rPh>
    <rPh sb="2" eb="4">
      <t>ウンエイ</t>
    </rPh>
    <rPh sb="4" eb="6">
      <t>ヒョウギ</t>
    </rPh>
    <rPh sb="6" eb="8">
      <t>イイン</t>
    </rPh>
    <rPh sb="9" eb="11">
      <t>ホンコウ</t>
    </rPh>
    <rPh sb="11" eb="14">
      <t>カンケイシャ</t>
    </rPh>
    <rPh sb="15" eb="17">
      <t>チイキ</t>
    </rPh>
    <rPh sb="18" eb="19">
      <t>カタ</t>
    </rPh>
    <phoneticPr fontId="4"/>
  </si>
  <si>
    <t>相模原地域を中心に本校生徒の活躍を紹介するなど、参加された皆様に本校の特色を紹介します。</t>
    <rPh sb="0" eb="3">
      <t>サガミハラ</t>
    </rPh>
    <rPh sb="3" eb="5">
      <t>チイキ</t>
    </rPh>
    <rPh sb="6" eb="8">
      <t>チュウシン</t>
    </rPh>
    <rPh sb="9" eb="11">
      <t>ホンコウ</t>
    </rPh>
    <rPh sb="11" eb="13">
      <t>セイト</t>
    </rPh>
    <rPh sb="14" eb="16">
      <t>カツヤク</t>
    </rPh>
    <rPh sb="17" eb="19">
      <t>ショウカイ</t>
    </rPh>
    <phoneticPr fontId="4"/>
  </si>
  <si>
    <t>橋本高等学校</t>
    <rPh sb="0" eb="2">
      <t>ハシモト</t>
    </rPh>
    <rPh sb="2" eb="4">
      <t>コウトウ</t>
    </rPh>
    <rPh sb="4" eb="6">
      <t>ガッコウ</t>
    </rPh>
    <phoneticPr fontId="4"/>
  </si>
  <si>
    <t>橋本駅</t>
    <rPh sb="0" eb="2">
      <t>ハシモト</t>
    </rPh>
    <rPh sb="2" eb="3">
      <t>エキ</t>
    </rPh>
    <phoneticPr fontId="4"/>
  </si>
  <si>
    <t>中学生及び保護者</t>
    <rPh sb="0" eb="3">
      <t>チュウガクセイ</t>
    </rPh>
    <rPh sb="3" eb="4">
      <t>オヨ</t>
    </rPh>
    <rPh sb="5" eb="8">
      <t>ホゴシャ</t>
    </rPh>
    <phoneticPr fontId="4"/>
  </si>
  <si>
    <t>橋本高等学校広報国際グループ</t>
    <rPh sb="0" eb="2">
      <t>ハシモト</t>
    </rPh>
    <rPh sb="2" eb="4">
      <t>コウトウ</t>
    </rPh>
    <rPh sb="4" eb="6">
      <t>ガッコウ</t>
    </rPh>
    <rPh sb="6" eb="8">
      <t>コウホウ</t>
    </rPh>
    <rPh sb="8" eb="10">
      <t>コクサイ</t>
    </rPh>
    <phoneticPr fontId="4"/>
  </si>
  <si>
    <t>相模原城山高等学校
オープンスクール</t>
    <rPh sb="0" eb="9">
      <t>サガミハラシロヤマコウトウガッコウ</t>
    </rPh>
    <phoneticPr fontId="4"/>
  </si>
  <si>
    <t>相模原城山高等学校の授業のようすをご覧いただいたり、部活動体験・参観を行うことで相模原城山高等学校への理解を深めていただく。</t>
    <rPh sb="0" eb="9">
      <t>サガミハラシロヤマコウトウガッコウ</t>
    </rPh>
    <rPh sb="10" eb="12">
      <t>ジュギョウ</t>
    </rPh>
    <rPh sb="18" eb="19">
      <t>ラン</t>
    </rPh>
    <rPh sb="26" eb="31">
      <t>ブカツドウタイケン</t>
    </rPh>
    <rPh sb="32" eb="34">
      <t>サンカン</t>
    </rPh>
    <rPh sb="35" eb="36">
      <t>オコナ</t>
    </rPh>
    <rPh sb="40" eb="49">
      <t>サガミハラシロヤマコウトウガッコウ</t>
    </rPh>
    <rPh sb="51" eb="53">
      <t>リカイ</t>
    </rPh>
    <rPh sb="54" eb="55">
      <t>フカ</t>
    </rPh>
    <phoneticPr fontId="4"/>
  </si>
  <si>
    <t>2023/10/07</t>
    <phoneticPr fontId="4"/>
  </si>
  <si>
    <t>2023/10/07</t>
  </si>
  <si>
    <t>神奈川県立相模原城山高等学校</t>
    <rPh sb="0" eb="4">
      <t>カナ</t>
    </rPh>
    <rPh sb="4" eb="5">
      <t>リツ</t>
    </rPh>
    <rPh sb="5" eb="14">
      <t>サガミハラシロヤマコウトウガッコウ</t>
    </rPh>
    <phoneticPr fontId="4"/>
  </si>
  <si>
    <t>城山高校前
（神奈中バス）</t>
    <rPh sb="0" eb="5">
      <t>シロヤマコウコウマエ</t>
    </rPh>
    <rPh sb="7" eb="10">
      <t>カナチュウ</t>
    </rPh>
    <phoneticPr fontId="4"/>
  </si>
  <si>
    <t>神奈川県立相模原城山高等学校</t>
    <rPh sb="0" eb="5">
      <t>カナガワケンリツ</t>
    </rPh>
    <rPh sb="5" eb="14">
      <t>サガミハラシロヤマコウトウガッコウ</t>
    </rPh>
    <phoneticPr fontId="4"/>
  </si>
  <si>
    <t>中学校３年生とその保護者
本校生徒の保護者</t>
    <rPh sb="0" eb="3">
      <t>チュウガッコウ</t>
    </rPh>
    <rPh sb="4" eb="6">
      <t>ネンセイ</t>
    </rPh>
    <rPh sb="9" eb="12">
      <t>ホゴシャ</t>
    </rPh>
    <rPh sb="13" eb="17">
      <t>ホンコウセイト</t>
    </rPh>
    <rPh sb="18" eb="21">
      <t>ホゴシャ</t>
    </rPh>
    <phoneticPr fontId="4"/>
  </si>
  <si>
    <t>神奈川県立相模原城山高等学校広報グループ</t>
    <rPh sb="0" eb="14">
      <t>カナガワケンリツサガミハラシロヤマコウトウガッコウ</t>
    </rPh>
    <rPh sb="14" eb="16">
      <t>コウホウ</t>
    </rPh>
    <phoneticPr fontId="4"/>
  </si>
  <si>
    <t>https://www.pen-kanagawa.ed.jp/s-shiroyama-h/nyugaku/setsumeikai.html</t>
    <phoneticPr fontId="4"/>
  </si>
  <si>
    <t>学校へ行こうDay</t>
    <rPh sb="0" eb="2">
      <t>ガッコウ</t>
    </rPh>
    <rPh sb="3" eb="4">
      <t>イ</t>
    </rPh>
    <phoneticPr fontId="4"/>
  </si>
  <si>
    <t>本校生徒の授業の様子や活動を実際に身近で見ていただき、参加された皆様に本校の魅力を発信します。</t>
    <rPh sb="0" eb="2">
      <t>ホンコウ</t>
    </rPh>
    <rPh sb="2" eb="4">
      <t>セイト</t>
    </rPh>
    <rPh sb="5" eb="7">
      <t>ジュギョウ</t>
    </rPh>
    <rPh sb="8" eb="10">
      <t>ヨウス</t>
    </rPh>
    <rPh sb="11" eb="13">
      <t>カツドウ</t>
    </rPh>
    <rPh sb="14" eb="16">
      <t>ジッサイ</t>
    </rPh>
    <rPh sb="17" eb="19">
      <t>ミジカ</t>
    </rPh>
    <rPh sb="20" eb="21">
      <t>ミ</t>
    </rPh>
    <rPh sb="38" eb="40">
      <t>ミリョク</t>
    </rPh>
    <rPh sb="41" eb="43">
      <t>ハッシン</t>
    </rPh>
    <phoneticPr fontId="4"/>
  </si>
  <si>
    <t>橋本高等学校</t>
    <rPh sb="0" eb="6">
      <t>ハシモトコウトウガッコウ</t>
    </rPh>
    <phoneticPr fontId="4"/>
  </si>
  <si>
    <t>本校の教育活動の興味のある人</t>
    <rPh sb="0" eb="2">
      <t>ホンコウ</t>
    </rPh>
    <rPh sb="3" eb="5">
      <t>キョウイク</t>
    </rPh>
    <rPh sb="5" eb="7">
      <t>カツドウ</t>
    </rPh>
    <rPh sb="8" eb="10">
      <t>キョウミ</t>
    </rPh>
    <rPh sb="13" eb="14">
      <t>ヒト</t>
    </rPh>
    <phoneticPr fontId="4"/>
  </si>
  <si>
    <t>第3回学校運営協議会</t>
    <rPh sb="0" eb="1">
      <t>ダイ</t>
    </rPh>
    <rPh sb="2" eb="3">
      <t>カイ</t>
    </rPh>
    <rPh sb="3" eb="5">
      <t>ガッコウ</t>
    </rPh>
    <rPh sb="5" eb="7">
      <t>ウンエイ</t>
    </rPh>
    <rPh sb="7" eb="10">
      <t>キョウギカイ</t>
    </rPh>
    <phoneticPr fontId="4"/>
  </si>
  <si>
    <t>各グループ・学部の中間報告をするとともに、年度末に向けての重点項目などについて協議します。</t>
    <rPh sb="0" eb="1">
      <t>カク</t>
    </rPh>
    <rPh sb="6" eb="8">
      <t>ガクブ</t>
    </rPh>
    <rPh sb="9" eb="11">
      <t>チュウカン</t>
    </rPh>
    <rPh sb="11" eb="13">
      <t>ホウコク</t>
    </rPh>
    <rPh sb="21" eb="24">
      <t>ネンドマツ</t>
    </rPh>
    <rPh sb="25" eb="26">
      <t>ム</t>
    </rPh>
    <rPh sb="29" eb="31">
      <t>ジュウテン</t>
    </rPh>
    <rPh sb="31" eb="33">
      <t>コウモク</t>
    </rPh>
    <rPh sb="39" eb="41">
      <t>キョウギ</t>
    </rPh>
    <phoneticPr fontId="4"/>
  </si>
  <si>
    <t>2023/11/7</t>
    <phoneticPr fontId="4"/>
  </si>
  <si>
    <t>相模原城山高等学校
第二回学校説明会</t>
    <rPh sb="0" eb="9">
      <t>サガミハラシロヤマコウトウガッコウ</t>
    </rPh>
    <rPh sb="10" eb="13">
      <t>ダイニカイ</t>
    </rPh>
    <rPh sb="13" eb="18">
      <t>ガッコウセツメイカイ</t>
    </rPh>
    <phoneticPr fontId="4"/>
  </si>
  <si>
    <t>相模原城山高等学校の教育活動の概要説明を行うことで相模原城山高等学校への理解を深めていただく。</t>
    <rPh sb="0" eb="9">
      <t>サガミハラシロヤマコウトウガッコウ</t>
    </rPh>
    <rPh sb="10" eb="12">
      <t>キョウイク</t>
    </rPh>
    <rPh sb="12" eb="14">
      <t>カツドウ</t>
    </rPh>
    <rPh sb="15" eb="17">
      <t>ガイヨウ</t>
    </rPh>
    <rPh sb="17" eb="19">
      <t>セツメイ</t>
    </rPh>
    <rPh sb="20" eb="21">
      <t>オコナ</t>
    </rPh>
    <rPh sb="25" eb="34">
      <t>サガミハラシロヤマコウトウガッコウ</t>
    </rPh>
    <rPh sb="36" eb="38">
      <t>リカイ</t>
    </rPh>
    <rPh sb="39" eb="40">
      <t>フカ</t>
    </rPh>
    <phoneticPr fontId="4"/>
  </si>
  <si>
    <t>中学校３年生とその保護者</t>
    <rPh sb="0" eb="3">
      <t>チュウガッコウ</t>
    </rPh>
    <rPh sb="4" eb="6">
      <t>ネンセイ</t>
    </rPh>
    <rPh sb="9" eb="12">
      <t>ホゴシャ</t>
    </rPh>
    <phoneticPr fontId="4"/>
  </si>
  <si>
    <t>ウェルカムウイーク（学校へ行こう週間）</t>
    <rPh sb="10" eb="12">
      <t>ガッコウ</t>
    </rPh>
    <rPh sb="13" eb="14">
      <t>イ</t>
    </rPh>
    <rPh sb="16" eb="18">
      <t>シュウカン</t>
    </rPh>
    <phoneticPr fontId="4"/>
  </si>
  <si>
    <t>学校での授業や活動と通して、児童・生徒の取組の様子を一般公開します。</t>
    <rPh sb="0" eb="2">
      <t>ガッコウ</t>
    </rPh>
    <rPh sb="4" eb="6">
      <t>ジュギョウ</t>
    </rPh>
    <rPh sb="7" eb="9">
      <t>カツドウ</t>
    </rPh>
    <rPh sb="10" eb="11">
      <t>トオ</t>
    </rPh>
    <rPh sb="14" eb="16">
      <t>ジドウ</t>
    </rPh>
    <rPh sb="17" eb="19">
      <t>セイト</t>
    </rPh>
    <rPh sb="20" eb="22">
      <t>トリクミ</t>
    </rPh>
    <rPh sb="23" eb="25">
      <t>ヨウス</t>
    </rPh>
    <rPh sb="26" eb="30">
      <t>イッパンコウカイ</t>
    </rPh>
    <phoneticPr fontId="4"/>
  </si>
  <si>
    <t>保護者・本校の教育に関心のある一般の方</t>
    <rPh sb="0" eb="3">
      <t>ホゴシャ</t>
    </rPh>
    <rPh sb="4" eb="6">
      <t>ホンコウ</t>
    </rPh>
    <rPh sb="7" eb="9">
      <t>キョウイク</t>
    </rPh>
    <rPh sb="10" eb="12">
      <t>カンシン</t>
    </rPh>
    <rPh sb="15" eb="17">
      <t>イッパン</t>
    </rPh>
    <rPh sb="18" eb="19">
      <t>カタ</t>
    </rPh>
    <phoneticPr fontId="4"/>
  </si>
  <si>
    <t>インクルーシブ学校説明会</t>
    <rPh sb="7" eb="9">
      <t>ガッコウ</t>
    </rPh>
    <rPh sb="9" eb="12">
      <t>セツメイカイ</t>
    </rPh>
    <phoneticPr fontId="4"/>
  </si>
  <si>
    <t>授業見学等を通じて、本校の特色の一つであるインクルーシブ教育実践推進校としての取組を丁寧に説明します。</t>
    <rPh sb="0" eb="2">
      <t>ジュギョウ</t>
    </rPh>
    <rPh sb="2" eb="4">
      <t>ケンガク</t>
    </rPh>
    <rPh sb="4" eb="5">
      <t>トウ</t>
    </rPh>
    <rPh sb="6" eb="7">
      <t>ツウ</t>
    </rPh>
    <rPh sb="10" eb="12">
      <t>ホンコウ</t>
    </rPh>
    <rPh sb="13" eb="15">
      <t>トクショク</t>
    </rPh>
    <rPh sb="16" eb="17">
      <t>ヒト</t>
    </rPh>
    <rPh sb="28" eb="30">
      <t>キョウイク</t>
    </rPh>
    <rPh sb="30" eb="32">
      <t>ジッセン</t>
    </rPh>
    <rPh sb="32" eb="34">
      <t>スイシン</t>
    </rPh>
    <rPh sb="34" eb="35">
      <t>コウ</t>
    </rPh>
    <rPh sb="39" eb="41">
      <t>トリクミ</t>
    </rPh>
    <rPh sb="42" eb="44">
      <t>テイネイ</t>
    </rPh>
    <rPh sb="45" eb="47">
      <t>セツメイ</t>
    </rPh>
    <phoneticPr fontId="4"/>
  </si>
  <si>
    <t>2023/11/16</t>
  </si>
  <si>
    <t>中学１・2年生</t>
    <rPh sb="0" eb="2">
      <t>チュウガク</t>
    </rPh>
    <rPh sb="5" eb="7">
      <t>ネンセイ</t>
    </rPh>
    <phoneticPr fontId="4"/>
  </si>
  <si>
    <t>学習発表会</t>
    <rPh sb="0" eb="2">
      <t>ガクシュウ</t>
    </rPh>
    <rPh sb="2" eb="5">
      <t>ハッピョウカイ</t>
    </rPh>
    <phoneticPr fontId="4"/>
  </si>
  <si>
    <t>日常の学習の成果を、各学部（高等部は各学年）で発表します。</t>
    <rPh sb="0" eb="2">
      <t>ニチジョウ</t>
    </rPh>
    <rPh sb="3" eb="5">
      <t>ガクシュウ</t>
    </rPh>
    <rPh sb="6" eb="8">
      <t>セイカ</t>
    </rPh>
    <rPh sb="10" eb="11">
      <t>カク</t>
    </rPh>
    <rPh sb="11" eb="13">
      <t>ガクブ</t>
    </rPh>
    <rPh sb="14" eb="17">
      <t>コウトウブ</t>
    </rPh>
    <rPh sb="18" eb="21">
      <t>カクガクネン</t>
    </rPh>
    <rPh sb="23" eb="25">
      <t>ハッピョウ</t>
    </rPh>
    <phoneticPr fontId="4"/>
  </si>
  <si>
    <t>2023/11/16</t>
    <phoneticPr fontId="4"/>
  </si>
  <si>
    <t>保護者・（一般の方は、「学校へ行こう週間」に申し込まれた方のみ）</t>
    <rPh sb="0" eb="3">
      <t>ホゴシャ</t>
    </rPh>
    <rPh sb="5" eb="7">
      <t>イッパン</t>
    </rPh>
    <rPh sb="8" eb="9">
      <t>カタ</t>
    </rPh>
    <rPh sb="12" eb="14">
      <t>ガッコウ</t>
    </rPh>
    <rPh sb="15" eb="16">
      <t>イ</t>
    </rPh>
    <rPh sb="18" eb="20">
      <t>シュウカン</t>
    </rPh>
    <rPh sb="22" eb="23">
      <t>モウ</t>
    </rPh>
    <rPh sb="24" eb="25">
      <t>コ</t>
    </rPh>
    <rPh sb="28" eb="29">
      <t>カタ</t>
    </rPh>
    <phoneticPr fontId="4"/>
  </si>
  <si>
    <t>相模原市
中央区</t>
  </si>
  <si>
    <t>学校理解の一環として中学生、保護者の方々に本校の授業の様子や部活動などの教育活動についてご覧いただけます。</t>
    <phoneticPr fontId="4"/>
  </si>
  <si>
    <t>上溝南高等学校</t>
    <rPh sb="0" eb="5">
      <t>カミミゾミナミコウトウ</t>
    </rPh>
    <rPh sb="5" eb="7">
      <t>ガッコウ</t>
    </rPh>
    <phoneticPr fontId="4"/>
  </si>
  <si>
    <t>番田駅</t>
    <rPh sb="0" eb="3">
      <t>バンダエキ</t>
    </rPh>
    <phoneticPr fontId="4"/>
  </si>
  <si>
    <t>上溝南高等学校</t>
    <phoneticPr fontId="4"/>
  </si>
  <si>
    <t>中学生・保護者</t>
    <rPh sb="0" eb="3">
      <t>チュウガクセイ</t>
    </rPh>
    <rPh sb="4" eb="7">
      <t>ホゴシャ</t>
    </rPh>
    <phoneticPr fontId="4"/>
  </si>
  <si>
    <t>https://www.pen-kanagawa.ed.jp/kamimizominami-h/</t>
    <phoneticPr fontId="4"/>
  </si>
  <si>
    <t>中学生やその保護者を対象に、授業参観・体験授業・部活動体験を通して高等学校での学びを体感してもらうとともに、本校の教育活動への理解を深めてもらう。</t>
    <rPh sb="0" eb="3">
      <t>チュウガクセイ</t>
    </rPh>
    <rPh sb="6" eb="9">
      <t>ホゴシャ</t>
    </rPh>
    <rPh sb="10" eb="12">
      <t>タイショウ</t>
    </rPh>
    <rPh sb="14" eb="18">
      <t>ジュギョウサンカン</t>
    </rPh>
    <rPh sb="19" eb="21">
      <t>タイケン</t>
    </rPh>
    <rPh sb="21" eb="23">
      <t>ジュギョウ</t>
    </rPh>
    <rPh sb="24" eb="27">
      <t>ブカツドウ</t>
    </rPh>
    <rPh sb="27" eb="29">
      <t>タイケン</t>
    </rPh>
    <rPh sb="30" eb="31">
      <t>トオ</t>
    </rPh>
    <rPh sb="33" eb="37">
      <t>コウトウガッコウ</t>
    </rPh>
    <rPh sb="39" eb="40">
      <t>マナ</t>
    </rPh>
    <rPh sb="42" eb="44">
      <t>タイカン</t>
    </rPh>
    <rPh sb="54" eb="56">
      <t>ホンコウ</t>
    </rPh>
    <rPh sb="57" eb="61">
      <t>キョウイクカツドウ</t>
    </rPh>
    <rPh sb="63" eb="65">
      <t>リカイ</t>
    </rPh>
    <rPh sb="66" eb="67">
      <t>フカ</t>
    </rPh>
    <phoneticPr fontId="4"/>
  </si>
  <si>
    <t>相模原弥栄高等学校</t>
    <rPh sb="0" eb="3">
      <t>サガミハラ</t>
    </rPh>
    <rPh sb="3" eb="5">
      <t>ヤエイ</t>
    </rPh>
    <rPh sb="5" eb="9">
      <t>コウトウガッコウ</t>
    </rPh>
    <phoneticPr fontId="4"/>
  </si>
  <si>
    <t xml:space="preserve">JR横浜線淵野辺駅
神奈中バス淵36,37系統.淵野辺駅南口循環「弥栄小学校前」
</t>
    <rPh sb="2" eb="5">
      <t>ヨコハマセン</t>
    </rPh>
    <rPh sb="5" eb="9">
      <t>フチノベエキ</t>
    </rPh>
    <phoneticPr fontId="4"/>
  </si>
  <si>
    <t>https://www.pen-kanagawa.ed.jp/sagamiharayaei-h/nyugaku/index.html</t>
    <phoneticPr fontId="4"/>
  </si>
  <si>
    <t>ラウンジ展</t>
    <rPh sb="4" eb="5">
      <t>テン</t>
    </rPh>
    <phoneticPr fontId="4"/>
  </si>
  <si>
    <t>近隣の小中学校、地域の方々及び本校生徒の絵画等の作品を展示し、地域の皆さまや本校保護者にご覧いただきます。</t>
    <phoneticPr fontId="4"/>
  </si>
  <si>
    <t>相模田名高等学校</t>
    <rPh sb="0" eb="8">
      <t>サガミタナコウトウガッコウ</t>
    </rPh>
    <phoneticPr fontId="4"/>
  </si>
  <si>
    <t>神奈川中央交通「四ツ谷」バス停</t>
    <rPh sb="0" eb="3">
      <t>カナガワ</t>
    </rPh>
    <rPh sb="3" eb="5">
      <t>チュウオウ</t>
    </rPh>
    <rPh sb="5" eb="7">
      <t>コウツウ</t>
    </rPh>
    <rPh sb="8" eb="9">
      <t>ヨ</t>
    </rPh>
    <rPh sb="10" eb="11">
      <t>ヤ</t>
    </rPh>
    <rPh sb="14" eb="15">
      <t>テイ</t>
    </rPh>
    <phoneticPr fontId="4"/>
  </si>
  <si>
    <t>相模田名高等学校</t>
    <phoneticPr fontId="4"/>
  </si>
  <si>
    <t>本校保護者、近隣の小学校・市内の中学校（教員・保護者）、地域の方</t>
    <phoneticPr fontId="4"/>
  </si>
  <si>
    <t>相模田名高等学校　広報・情報管理グループ</t>
    <phoneticPr fontId="4"/>
  </si>
  <si>
    <t>第２回学校説明会（オープンスクール）</t>
    <rPh sb="0" eb="1">
      <t>ダイ</t>
    </rPh>
    <rPh sb="2" eb="3">
      <t>カイ</t>
    </rPh>
    <rPh sb="3" eb="5">
      <t>ガッコウ</t>
    </rPh>
    <rPh sb="5" eb="8">
      <t>セツメイカイ</t>
    </rPh>
    <phoneticPr fontId="4"/>
  </si>
  <si>
    <t>本校の教育活動の紹介、授業や部活動の見学等をとおして、本校の魅力を中学生及び保護者に知ってもらう機会となっています。</t>
    <rPh sb="0" eb="2">
      <t>ホンコウ</t>
    </rPh>
    <rPh sb="3" eb="5">
      <t>キョウイク</t>
    </rPh>
    <rPh sb="5" eb="7">
      <t>カツドウ</t>
    </rPh>
    <rPh sb="8" eb="10">
      <t>ショウカイ</t>
    </rPh>
    <rPh sb="11" eb="13">
      <t>ジュギョウ</t>
    </rPh>
    <rPh sb="14" eb="17">
      <t>ブカツドウ</t>
    </rPh>
    <rPh sb="18" eb="20">
      <t>ケンガク</t>
    </rPh>
    <rPh sb="20" eb="21">
      <t>トウ</t>
    </rPh>
    <rPh sb="27" eb="29">
      <t>ホンコウ</t>
    </rPh>
    <rPh sb="30" eb="32">
      <t>ミリョク</t>
    </rPh>
    <rPh sb="33" eb="36">
      <t>チュウガクセイ</t>
    </rPh>
    <rPh sb="36" eb="37">
      <t>オヨ</t>
    </rPh>
    <rPh sb="38" eb="41">
      <t>ホゴシャ</t>
    </rPh>
    <rPh sb="42" eb="43">
      <t>シ</t>
    </rPh>
    <rPh sb="48" eb="50">
      <t>キカイ</t>
    </rPh>
    <phoneticPr fontId="4"/>
  </si>
  <si>
    <t>相模原高等学校</t>
    <rPh sb="0" eb="3">
      <t>サガミハラ</t>
    </rPh>
    <rPh sb="3" eb="5">
      <t>コウトウ</t>
    </rPh>
    <rPh sb="5" eb="7">
      <t>ガッコウ</t>
    </rPh>
    <phoneticPr fontId="4"/>
  </si>
  <si>
    <t>相模原駅または上溝駅より神奈中バス「横山団地」</t>
    <rPh sb="0" eb="4">
      <t>サガミハラエキ</t>
    </rPh>
    <rPh sb="7" eb="10">
      <t>カミミゾエキ</t>
    </rPh>
    <rPh sb="12" eb="15">
      <t>カナチュウ</t>
    </rPh>
    <rPh sb="18" eb="20">
      <t>ヨコヤマ</t>
    </rPh>
    <rPh sb="20" eb="22">
      <t>ダンチ</t>
    </rPh>
    <phoneticPr fontId="4"/>
  </si>
  <si>
    <t>本校への入学に関心のある中学生及び保護者等</t>
    <rPh sb="0" eb="2">
      <t>ホンコウ</t>
    </rPh>
    <rPh sb="4" eb="6">
      <t>ニュウガク</t>
    </rPh>
    <rPh sb="7" eb="9">
      <t>カンシン</t>
    </rPh>
    <rPh sb="12" eb="15">
      <t>チュウガクセイ</t>
    </rPh>
    <rPh sb="15" eb="16">
      <t>オヨ</t>
    </rPh>
    <rPh sb="17" eb="20">
      <t>ホゴシャ</t>
    </rPh>
    <rPh sb="20" eb="21">
      <t>トウ</t>
    </rPh>
    <phoneticPr fontId="4"/>
  </si>
  <si>
    <t>https://www.pen-kanagawa.ed.jp/sagamihara-h/</t>
    <phoneticPr fontId="4"/>
  </si>
  <si>
    <t>第２回ぎんがボッチャ大会</t>
    <rPh sb="0" eb="1">
      <t>ダイ</t>
    </rPh>
    <rPh sb="2" eb="3">
      <t>カイ</t>
    </rPh>
    <rPh sb="10" eb="12">
      <t>タイカイ</t>
    </rPh>
    <phoneticPr fontId="4"/>
  </si>
  <si>
    <t>⑤スポーツ</t>
  </si>
  <si>
    <t>ボッチャを経験したことのある人もない人も大歓迎です。ボッチャの楽しさを実感しましょう。</t>
    <rPh sb="5" eb="7">
      <t>ケイケン</t>
    </rPh>
    <rPh sb="14" eb="15">
      <t>ヒト</t>
    </rPh>
    <rPh sb="18" eb="19">
      <t>ヒト</t>
    </rPh>
    <rPh sb="20" eb="23">
      <t>ダイカンゲイ</t>
    </rPh>
    <rPh sb="31" eb="32">
      <t>タノ</t>
    </rPh>
    <rPh sb="35" eb="37">
      <t>ジッカン</t>
    </rPh>
    <phoneticPr fontId="4"/>
  </si>
  <si>
    <t>神奈川県立相模原中央支援学校</t>
    <rPh sb="0" eb="5">
      <t>カナガワケンリツ</t>
    </rPh>
    <rPh sb="5" eb="14">
      <t>サガミハラチュウオウシエンガッコウ</t>
    </rPh>
    <phoneticPr fontId="4"/>
  </si>
  <si>
    <t>淵野辺駅</t>
    <rPh sb="0" eb="4">
      <t>フチノベエキ</t>
    </rPh>
    <phoneticPr fontId="4"/>
  </si>
  <si>
    <t>神奈川県立相模原中央支援学校
支援連携グループ</t>
    <rPh sb="0" eb="5">
      <t>カナガワケンリツ</t>
    </rPh>
    <rPh sb="5" eb="14">
      <t>サガミハラチュウオウシエンガッコウ</t>
    </rPh>
    <rPh sb="15" eb="19">
      <t>シエンレンケイ</t>
    </rPh>
    <phoneticPr fontId="4"/>
  </si>
  <si>
    <t>神奈川県立相模原中央支援学校　支援連携グループ　地域連携チーム</t>
    <rPh sb="0" eb="14">
      <t>カナガワケンリツサガミハラチュウオウシエンガッコウ</t>
    </rPh>
    <rPh sb="15" eb="19">
      <t>シエンレンケイ</t>
    </rPh>
    <rPh sb="24" eb="26">
      <t>チイキ</t>
    </rPh>
    <rPh sb="26" eb="28">
      <t>レンケイ</t>
    </rPh>
    <phoneticPr fontId="4"/>
  </si>
  <si>
    <t>中学生やその保護者を対象に、説明会、発表、動画視聴などを通して本校の教育活動への理解を深めてもらう。</t>
    <rPh sb="0" eb="3">
      <t>チュウガクセイ</t>
    </rPh>
    <rPh sb="6" eb="9">
      <t>ホゴシャ</t>
    </rPh>
    <rPh sb="10" eb="12">
      <t>タイショウ</t>
    </rPh>
    <rPh sb="14" eb="17">
      <t>セツメイカイ</t>
    </rPh>
    <rPh sb="18" eb="20">
      <t>ハッピョウ</t>
    </rPh>
    <rPh sb="21" eb="25">
      <t>ドウガシチョウ</t>
    </rPh>
    <rPh sb="28" eb="29">
      <t>トオ</t>
    </rPh>
    <rPh sb="31" eb="33">
      <t>ホンコウ</t>
    </rPh>
    <rPh sb="34" eb="38">
      <t>キョウイクカツドウ</t>
    </rPh>
    <rPh sb="40" eb="42">
      <t>リカイ</t>
    </rPh>
    <rPh sb="43" eb="44">
      <t>フカ</t>
    </rPh>
    <phoneticPr fontId="4"/>
  </si>
  <si>
    <t>交流デイ</t>
    <rPh sb="0" eb="2">
      <t>コウリュウ</t>
    </rPh>
    <phoneticPr fontId="4"/>
  </si>
  <si>
    <t>相模原中央支援学校の幼児・児童・生徒による発表や催しものを行います。高等部食品加工班が作ったパンの販売・コーヒーサービス、福祉事業所等の物販、保護者の会による販売もあります。</t>
    <rPh sb="0" eb="7">
      <t>サガミハラチュウオウシエン</t>
    </rPh>
    <rPh sb="7" eb="9">
      <t>ガッコウ</t>
    </rPh>
    <rPh sb="10" eb="12">
      <t>ヨウジ</t>
    </rPh>
    <rPh sb="13" eb="15">
      <t>ジドウ</t>
    </rPh>
    <rPh sb="16" eb="18">
      <t>セイト</t>
    </rPh>
    <rPh sb="21" eb="23">
      <t>ハッピョウ</t>
    </rPh>
    <rPh sb="24" eb="25">
      <t>モヨオ</t>
    </rPh>
    <rPh sb="29" eb="30">
      <t>オコナ</t>
    </rPh>
    <rPh sb="34" eb="37">
      <t>コウトウブ</t>
    </rPh>
    <rPh sb="37" eb="42">
      <t>ショクヒンカコウハン</t>
    </rPh>
    <rPh sb="43" eb="44">
      <t>ツク</t>
    </rPh>
    <rPh sb="49" eb="51">
      <t>ハンバイ</t>
    </rPh>
    <rPh sb="61" eb="66">
      <t>フクシジギョウショ</t>
    </rPh>
    <rPh sb="66" eb="67">
      <t>トウ</t>
    </rPh>
    <rPh sb="68" eb="70">
      <t>ブッパン</t>
    </rPh>
    <rPh sb="71" eb="74">
      <t>ホゴシャ</t>
    </rPh>
    <rPh sb="75" eb="76">
      <t>カイ</t>
    </rPh>
    <rPh sb="79" eb="81">
      <t>ハンバイ</t>
    </rPh>
    <phoneticPr fontId="4"/>
  </si>
  <si>
    <t>相模原市
南区</t>
  </si>
  <si>
    <t xml:space="preserve">中学生やその保護者に本校の部活動を見学等していただき、生徒一人ひとりの興味・関心や進路希望にあった学校選びの一助にする。
</t>
    <rPh sb="19" eb="20">
      <t>トウ</t>
    </rPh>
    <phoneticPr fontId="4"/>
  </si>
  <si>
    <t>麻溝台高等学校</t>
    <rPh sb="0" eb="7">
      <t>アサミゾダイコウトウガッコウ</t>
    </rPh>
    <phoneticPr fontId="4"/>
  </si>
  <si>
    <t>最寄駅
相模大野駅
相模原駅
古淵駅</t>
    <rPh sb="0" eb="2">
      <t>モヨ</t>
    </rPh>
    <rPh sb="2" eb="3">
      <t>エキ</t>
    </rPh>
    <rPh sb="4" eb="8">
      <t>サガミオオノ</t>
    </rPh>
    <rPh sb="8" eb="9">
      <t>エキ</t>
    </rPh>
    <rPh sb="10" eb="14">
      <t>サガミハラエキ</t>
    </rPh>
    <rPh sb="15" eb="18">
      <t>コブチエキ</t>
    </rPh>
    <phoneticPr fontId="4"/>
  </si>
  <si>
    <t>高校</t>
  </si>
  <si>
    <t xml:space="preserve">
本校に関心のある中学生及びその保護者</t>
    <rPh sb="1" eb="3">
      <t>ホンコウ</t>
    </rPh>
    <rPh sb="4" eb="6">
      <t>カンシン</t>
    </rPh>
    <rPh sb="9" eb="12">
      <t>チュウガクセイ</t>
    </rPh>
    <rPh sb="12" eb="13">
      <t>オヨ</t>
    </rPh>
    <rPh sb="16" eb="19">
      <t>ホゴシャ</t>
    </rPh>
    <phoneticPr fontId="4"/>
  </si>
  <si>
    <t>麻溝台高等学校
広報連携グループ</t>
    <rPh sb="0" eb="7">
      <t>アサミゾダイコウトウガッコウ</t>
    </rPh>
    <rPh sb="8" eb="10">
      <t>コウホウ</t>
    </rPh>
    <rPh sb="10" eb="12">
      <t>レンケイ</t>
    </rPh>
    <phoneticPr fontId="4"/>
  </si>
  <si>
    <t>http://www.pen-kanagawa.ed.jp/asamizodai-h/</t>
    <phoneticPr fontId="4"/>
  </si>
  <si>
    <t>中学生及び保護者を対象に、本校の教育活動や学校生活について説明します。本校についての理解を深めてもらいます。</t>
    <rPh sb="0" eb="4">
      <t>チュウガクセイオヨ</t>
    </rPh>
    <rPh sb="5" eb="8">
      <t>ホゴシャ</t>
    </rPh>
    <rPh sb="9" eb="11">
      <t>タイショウ</t>
    </rPh>
    <rPh sb="13" eb="15">
      <t>ホンコウ</t>
    </rPh>
    <rPh sb="16" eb="18">
      <t>キョウイク</t>
    </rPh>
    <rPh sb="18" eb="20">
      <t>カツドウ</t>
    </rPh>
    <rPh sb="21" eb="23">
      <t>ガッコウ</t>
    </rPh>
    <rPh sb="23" eb="25">
      <t>セイカツ</t>
    </rPh>
    <rPh sb="29" eb="31">
      <t>セツメイ</t>
    </rPh>
    <rPh sb="35" eb="37">
      <t>ホンコウ</t>
    </rPh>
    <rPh sb="42" eb="44">
      <t>リカイ</t>
    </rPh>
    <rPh sb="45" eb="46">
      <t>フカ</t>
    </rPh>
    <phoneticPr fontId="4"/>
  </si>
  <si>
    <t>神奈川総合産業高等学校</t>
    <rPh sb="0" eb="11">
      <t>カナガワソウゴウサンギョウコウトウガッコウ</t>
    </rPh>
    <phoneticPr fontId="4"/>
  </si>
  <si>
    <t>相模大野駅</t>
    <rPh sb="0" eb="5">
      <t>サガミオオノエキ</t>
    </rPh>
    <phoneticPr fontId="4"/>
  </si>
  <si>
    <t>神奈川総合産業高等学校連携広報グループ</t>
    <rPh sb="0" eb="11">
      <t>カナガワソウゴウサンギョウコウトウガッコウ</t>
    </rPh>
    <rPh sb="11" eb="15">
      <t>レンケイコウホウ</t>
    </rPh>
    <phoneticPr fontId="4"/>
  </si>
  <si>
    <t>中学生および保護者</t>
    <rPh sb="0" eb="3">
      <t>チュウガクセイ</t>
    </rPh>
    <rPh sb="6" eb="9">
      <t>ホゴシャ</t>
    </rPh>
    <phoneticPr fontId="4"/>
  </si>
  <si>
    <t>神奈川総合産業高等学校連携広報グループ</t>
    <phoneticPr fontId="4"/>
  </si>
  <si>
    <t>https://www.pen-kanagawa.ed.jp/kanagawasogosangyo-h/zennichi/nyugaku/setsumeikai.html</t>
    <phoneticPr fontId="4"/>
  </si>
  <si>
    <t>秋季学校説明会</t>
    <rPh sb="0" eb="2">
      <t>シュウキ</t>
    </rPh>
    <rPh sb="2" eb="4">
      <t>ガッコウ</t>
    </rPh>
    <rPh sb="4" eb="7">
      <t>セツメイカイ</t>
    </rPh>
    <phoneticPr fontId="4"/>
  </si>
  <si>
    <t>本校に進学意識のある生徒およびその保護者へ向けた、学校の教育活動・カリキュラム・進路・学校行事や部活動などの紹介、説明を行います。</t>
    <phoneticPr fontId="4"/>
  </si>
  <si>
    <t>横須賀市</t>
  </si>
  <si>
    <t>第二回学校説明会</t>
    <rPh sb="0" eb="3">
      <t>ダイニカイ</t>
    </rPh>
    <rPh sb="3" eb="5">
      <t>ガッコウ</t>
    </rPh>
    <rPh sb="5" eb="8">
      <t>セツメイカイ</t>
    </rPh>
    <phoneticPr fontId="4"/>
  </si>
  <si>
    <t>本校に関する学校説明を行います。説明会ではダンス部や吹奏楽部の発表等もお楽しみ頂けます。説明会後は校内を自由に散策頂いたり本校生徒と直接お話をしてもらえる機会も設けています。</t>
    <rPh sb="0" eb="2">
      <t>ホンコウ</t>
    </rPh>
    <rPh sb="3" eb="4">
      <t>カン</t>
    </rPh>
    <rPh sb="6" eb="8">
      <t>ガッコウ</t>
    </rPh>
    <rPh sb="8" eb="10">
      <t>セツメイ</t>
    </rPh>
    <rPh sb="11" eb="12">
      <t>オコナ</t>
    </rPh>
    <rPh sb="16" eb="19">
      <t>セツメイカイ</t>
    </rPh>
    <rPh sb="24" eb="25">
      <t>ブ</t>
    </rPh>
    <rPh sb="26" eb="30">
      <t>スイソウガクブ</t>
    </rPh>
    <rPh sb="31" eb="33">
      <t>ハッピョウ</t>
    </rPh>
    <rPh sb="33" eb="34">
      <t>トウ</t>
    </rPh>
    <rPh sb="36" eb="37">
      <t>タノ</t>
    </rPh>
    <rPh sb="39" eb="40">
      <t>イタダ</t>
    </rPh>
    <rPh sb="44" eb="47">
      <t>セツメイカイ</t>
    </rPh>
    <rPh sb="47" eb="48">
      <t>ゴ</t>
    </rPh>
    <rPh sb="49" eb="51">
      <t>コウナイ</t>
    </rPh>
    <rPh sb="52" eb="54">
      <t>ジユウ</t>
    </rPh>
    <rPh sb="55" eb="57">
      <t>サンサク</t>
    </rPh>
    <rPh sb="57" eb="58">
      <t>イタダ</t>
    </rPh>
    <rPh sb="61" eb="63">
      <t>ホンコウ</t>
    </rPh>
    <rPh sb="63" eb="65">
      <t>セイト</t>
    </rPh>
    <rPh sb="66" eb="68">
      <t>チョクセツ</t>
    </rPh>
    <rPh sb="69" eb="70">
      <t>ハナシ</t>
    </rPh>
    <rPh sb="77" eb="79">
      <t>キカイ</t>
    </rPh>
    <rPh sb="80" eb="81">
      <t>モウ</t>
    </rPh>
    <phoneticPr fontId="4"/>
  </si>
  <si>
    <t>横須賀高等学校　体育館</t>
    <rPh sb="0" eb="3">
      <t>ヨコスカ</t>
    </rPh>
    <rPh sb="3" eb="5">
      <t>コウトウ</t>
    </rPh>
    <rPh sb="5" eb="7">
      <t>ガッコウ</t>
    </rPh>
    <rPh sb="8" eb="11">
      <t>タイイクカン</t>
    </rPh>
    <phoneticPr fontId="4"/>
  </si>
  <si>
    <t>京急バス「佐野六丁目」、JR衣笠駅</t>
    <rPh sb="0" eb="2">
      <t>ケイキュウ</t>
    </rPh>
    <rPh sb="5" eb="7">
      <t>サノ</t>
    </rPh>
    <rPh sb="7" eb="10">
      <t>ロクチョウメ</t>
    </rPh>
    <rPh sb="14" eb="16">
      <t>キヌガサ</t>
    </rPh>
    <rPh sb="16" eb="17">
      <t>エキ</t>
    </rPh>
    <phoneticPr fontId="4"/>
  </si>
  <si>
    <t>横須賀高等学校</t>
    <phoneticPr fontId="4"/>
  </si>
  <si>
    <t>本校を志望先に検討頂いている中学生</t>
    <rPh sb="0" eb="2">
      <t>ホンコウ</t>
    </rPh>
    <rPh sb="3" eb="6">
      <t>シボウサキ</t>
    </rPh>
    <rPh sb="7" eb="9">
      <t>ケントウ</t>
    </rPh>
    <rPh sb="9" eb="10">
      <t>イタダ</t>
    </rPh>
    <rPh sb="14" eb="16">
      <t>チュウガク</t>
    </rPh>
    <rPh sb="16" eb="17">
      <t>セイ</t>
    </rPh>
    <phoneticPr fontId="4"/>
  </si>
  <si>
    <t>横須賀高校　広報図書グループ</t>
    <rPh sb="0" eb="3">
      <t>ヨコスカ</t>
    </rPh>
    <rPh sb="3" eb="5">
      <t>コウコウ</t>
    </rPh>
    <rPh sb="6" eb="8">
      <t>コウホウ</t>
    </rPh>
    <rPh sb="8" eb="10">
      <t>トショ</t>
    </rPh>
    <phoneticPr fontId="4"/>
  </si>
  <si>
    <t>https://www.pen-kanagawa.ed.jp/yokosuka-h/zennichi/nyugaku/index.html</t>
    <phoneticPr fontId="4"/>
  </si>
  <si>
    <t>令和６年度入学者選抜に向けて、中学生およびその保護者が、本校の教育方針や活動、入学者選抜に関する情報を知る機会とする。</t>
    <phoneticPr fontId="4"/>
  </si>
  <si>
    <t>横須賀大津高等学校</t>
    <phoneticPr fontId="4"/>
  </si>
  <si>
    <t>京浜急行線
新大津駅
京急大津駅</t>
    <rPh sb="4" eb="5">
      <t>セン</t>
    </rPh>
    <phoneticPr fontId="4"/>
  </si>
  <si>
    <t>本校への入学に興味のある中学生及びその保護者１名</t>
    <phoneticPr fontId="4"/>
  </si>
  <si>
    <t>横須賀大津高等学校
広報・ＩＣＴグループ</t>
    <phoneticPr fontId="4"/>
  </si>
  <si>
    <t>https://www.pen-kanagawa.ed.jp/yokosukaotsu-h/index.html</t>
    <phoneticPr fontId="4"/>
  </si>
  <si>
    <t>第三回学校説明会</t>
    <rPh sb="0" eb="1">
      <t>ダイ</t>
    </rPh>
    <rPh sb="1" eb="2">
      <t>ミ</t>
    </rPh>
    <rPh sb="2" eb="3">
      <t>カイ</t>
    </rPh>
    <rPh sb="3" eb="5">
      <t>ガッコウ</t>
    </rPh>
    <rPh sb="5" eb="8">
      <t>セツメイカイ</t>
    </rPh>
    <phoneticPr fontId="4"/>
  </si>
  <si>
    <t>平塚市</t>
  </si>
  <si>
    <t>高浜高等学校全日制
学校説明会、部活動見学</t>
    <rPh sb="0" eb="6">
      <t>タカハマコウトウガッコウ</t>
    </rPh>
    <rPh sb="6" eb="9">
      <t>ゼンニチセイ</t>
    </rPh>
    <rPh sb="10" eb="15">
      <t>ガッコウセツメイカイ</t>
    </rPh>
    <rPh sb="16" eb="21">
      <t>ブカツドウケンガク</t>
    </rPh>
    <phoneticPr fontId="4"/>
  </si>
  <si>
    <t>本校の教育理念や特色、学習活動、進路支援等について、来校者への説明および個別対応および部活動見学を実施します。</t>
    <rPh sb="0" eb="2">
      <t>ホンコウ</t>
    </rPh>
    <rPh sb="3" eb="7">
      <t>キョウイクリネン</t>
    </rPh>
    <rPh sb="8" eb="10">
      <t>トクショク</t>
    </rPh>
    <rPh sb="11" eb="15">
      <t>ガクシュウカツドウ</t>
    </rPh>
    <rPh sb="16" eb="20">
      <t>シンロシエン</t>
    </rPh>
    <rPh sb="20" eb="21">
      <t>トウ</t>
    </rPh>
    <rPh sb="26" eb="29">
      <t>ライコウシャ</t>
    </rPh>
    <rPh sb="31" eb="33">
      <t>セツメイ</t>
    </rPh>
    <rPh sb="36" eb="38">
      <t>コベツ</t>
    </rPh>
    <rPh sb="38" eb="40">
      <t>タイオウ</t>
    </rPh>
    <rPh sb="43" eb="48">
      <t>ブカツドウケンガク</t>
    </rPh>
    <rPh sb="49" eb="51">
      <t>ジッシ</t>
    </rPh>
    <phoneticPr fontId="4"/>
  </si>
  <si>
    <t>2023/9/23</t>
  </si>
  <si>
    <t>高浜高等学校
全日制</t>
    <rPh sb="0" eb="6">
      <t>タカハマコウトウガッコウ</t>
    </rPh>
    <rPh sb="7" eb="10">
      <t>ゼンニチセイ</t>
    </rPh>
    <phoneticPr fontId="4"/>
  </si>
  <si>
    <t>JR東海道線
平塚駅</t>
    <rPh sb="2" eb="6">
      <t>トウカイドウセン</t>
    </rPh>
    <rPh sb="7" eb="10">
      <t>ヒラツカエキ</t>
    </rPh>
    <phoneticPr fontId="4"/>
  </si>
  <si>
    <t>高浜高等学校</t>
    <rPh sb="0" eb="6">
      <t>タカハマコウトウガッコウ</t>
    </rPh>
    <phoneticPr fontId="4"/>
  </si>
  <si>
    <t>https://www.pen-kanagawa.ed.jp/takahama-h/zennichi/</t>
    <phoneticPr fontId="4"/>
  </si>
  <si>
    <t>藤沢方面学校説明会</t>
    <rPh sb="0" eb="2">
      <t>フジサワ</t>
    </rPh>
    <rPh sb="2" eb="4">
      <t>ホウメン</t>
    </rPh>
    <rPh sb="4" eb="6">
      <t>ガッコウ</t>
    </rPh>
    <rPh sb="6" eb="9">
      <t>セツメイカイ</t>
    </rPh>
    <phoneticPr fontId="4"/>
  </si>
  <si>
    <t>本校への入学を考える中学3年生とその保護者を対象とした学校説明会。</t>
    <rPh sb="0" eb="2">
      <t>ホンコウ</t>
    </rPh>
    <rPh sb="4" eb="6">
      <t>ニュウガク</t>
    </rPh>
    <rPh sb="7" eb="8">
      <t>カンガ</t>
    </rPh>
    <rPh sb="10" eb="12">
      <t>チュウガク</t>
    </rPh>
    <rPh sb="13" eb="15">
      <t>ネンセイ</t>
    </rPh>
    <rPh sb="18" eb="21">
      <t>ホゴシャ</t>
    </rPh>
    <rPh sb="22" eb="24">
      <t>タイショウ</t>
    </rPh>
    <rPh sb="27" eb="29">
      <t>ガッコウ</t>
    </rPh>
    <rPh sb="29" eb="32">
      <t>セツメイカイ</t>
    </rPh>
    <phoneticPr fontId="4"/>
  </si>
  <si>
    <t>2023/09/30</t>
    <phoneticPr fontId="4"/>
  </si>
  <si>
    <t>藤沢商工会館ミナパーク</t>
    <rPh sb="0" eb="2">
      <t>フジサワ</t>
    </rPh>
    <rPh sb="2" eb="4">
      <t>ショウコウ</t>
    </rPh>
    <rPh sb="4" eb="6">
      <t>カイカン</t>
    </rPh>
    <phoneticPr fontId="4"/>
  </si>
  <si>
    <t>藤沢駅</t>
    <rPh sb="0" eb="2">
      <t>フジサワ</t>
    </rPh>
    <rPh sb="2" eb="3">
      <t>エキ</t>
    </rPh>
    <phoneticPr fontId="4"/>
  </si>
  <si>
    <t>平塚農商高等学校</t>
    <rPh sb="0" eb="4">
      <t>ヒラツカノウショウ</t>
    </rPh>
    <rPh sb="4" eb="6">
      <t>コウトウ</t>
    </rPh>
    <rPh sb="6" eb="8">
      <t>ガッコウ</t>
    </rPh>
    <phoneticPr fontId="4"/>
  </si>
  <si>
    <t>本校への入学を考える中学3年生とその保護者</t>
    <rPh sb="0" eb="2">
      <t>ホンコウ</t>
    </rPh>
    <rPh sb="4" eb="6">
      <t>ニュウガク</t>
    </rPh>
    <rPh sb="7" eb="8">
      <t>カンガ</t>
    </rPh>
    <rPh sb="10" eb="12">
      <t>チュウガク</t>
    </rPh>
    <rPh sb="13" eb="15">
      <t>ネンセイ</t>
    </rPh>
    <rPh sb="18" eb="21">
      <t>ホゴシャ</t>
    </rPh>
    <phoneticPr fontId="4"/>
  </si>
  <si>
    <t>平塚農商高等学校　連携広報グループ</t>
    <rPh sb="0" eb="4">
      <t>ヒラツカノウショウ</t>
    </rPh>
    <rPh sb="4" eb="6">
      <t>コウトウ</t>
    </rPh>
    <rPh sb="6" eb="8">
      <t>ガッコウ</t>
    </rPh>
    <rPh sb="9" eb="11">
      <t>レンケイ</t>
    </rPh>
    <rPh sb="11" eb="13">
      <t>コウホウ</t>
    </rPh>
    <phoneticPr fontId="4"/>
  </si>
  <si>
    <t>授業見学・学校説明会</t>
    <rPh sb="0" eb="4">
      <t>ジュギョウケンガク</t>
    </rPh>
    <rPh sb="5" eb="10">
      <t>ガッコウセツメイカイ</t>
    </rPh>
    <phoneticPr fontId="4"/>
  </si>
  <si>
    <t>本校の生徒の様子、校内設備等の見学と、本校への入学を考えている中学生、保護者等に本校のカリキュラムや学校生活、進路状況、部活動等についての理解を深める説明会を行う。</t>
    <rPh sb="0" eb="2">
      <t>ホンコウ</t>
    </rPh>
    <rPh sb="3" eb="5">
      <t>セイト</t>
    </rPh>
    <rPh sb="6" eb="8">
      <t>ヨウス</t>
    </rPh>
    <rPh sb="9" eb="13">
      <t>コウナイセツビ</t>
    </rPh>
    <rPh sb="13" eb="14">
      <t>トウ</t>
    </rPh>
    <rPh sb="15" eb="17">
      <t>ケンガク</t>
    </rPh>
    <rPh sb="19" eb="21">
      <t>ホンコウ</t>
    </rPh>
    <rPh sb="23" eb="25">
      <t>ニュウガク</t>
    </rPh>
    <rPh sb="26" eb="27">
      <t>カンガ</t>
    </rPh>
    <rPh sb="31" eb="34">
      <t>チュウガクセイ</t>
    </rPh>
    <rPh sb="35" eb="38">
      <t>ホゴシャ</t>
    </rPh>
    <rPh sb="38" eb="39">
      <t>トウ</t>
    </rPh>
    <rPh sb="40" eb="42">
      <t>ホンコウ</t>
    </rPh>
    <rPh sb="50" eb="54">
      <t>ガッコウセイカツ</t>
    </rPh>
    <rPh sb="55" eb="59">
      <t>シンロジョウキョウ</t>
    </rPh>
    <rPh sb="60" eb="63">
      <t>ブカツドウ</t>
    </rPh>
    <rPh sb="63" eb="64">
      <t>ナド</t>
    </rPh>
    <rPh sb="69" eb="71">
      <t>リカイ</t>
    </rPh>
    <rPh sb="72" eb="73">
      <t>フカ</t>
    </rPh>
    <rPh sb="75" eb="78">
      <t>セツメイカイ</t>
    </rPh>
    <rPh sb="79" eb="80">
      <t>オコナ</t>
    </rPh>
    <phoneticPr fontId="4"/>
  </si>
  <si>
    <t>神奈川県立平塚工科高等学校</t>
    <rPh sb="0" eb="5">
      <t>カナガワケンリツ</t>
    </rPh>
    <rPh sb="5" eb="9">
      <t>ヒラツカコウカ</t>
    </rPh>
    <rPh sb="9" eb="13">
      <t>コウトウガッコウ</t>
    </rPh>
    <phoneticPr fontId="4"/>
  </si>
  <si>
    <t>平塚駅</t>
    <rPh sb="0" eb="3">
      <t>ヒラツカエキ</t>
    </rPh>
    <phoneticPr fontId="4"/>
  </si>
  <si>
    <t>神奈川県立平塚工科高等学校　広報企画グループ</t>
    <rPh sb="0" eb="5">
      <t>カナガワケンリツ</t>
    </rPh>
    <rPh sb="5" eb="9">
      <t>ヒラツカコウカ</t>
    </rPh>
    <rPh sb="9" eb="13">
      <t>コウトウガッコウ</t>
    </rPh>
    <rPh sb="14" eb="18">
      <t>コウホウキカク</t>
    </rPh>
    <phoneticPr fontId="4"/>
  </si>
  <si>
    <t>本校への入学を考ええている中学生と保護者</t>
    <rPh sb="0" eb="2">
      <t>ホンコウ</t>
    </rPh>
    <rPh sb="4" eb="6">
      <t>ニュウガク</t>
    </rPh>
    <rPh sb="7" eb="8">
      <t>カンガ</t>
    </rPh>
    <rPh sb="13" eb="16">
      <t>チュウガクセイ</t>
    </rPh>
    <rPh sb="17" eb="20">
      <t>ホゴシャ</t>
    </rPh>
    <phoneticPr fontId="4"/>
  </si>
  <si>
    <t>神奈川県立平塚工科高等学校　広報企画グループ</t>
    <rPh sb="0" eb="13">
      <t>カナガワケンリツヒラツカコウカコウトウガッコウ</t>
    </rPh>
    <rPh sb="14" eb="16">
      <t>コウホウ</t>
    </rPh>
    <rPh sb="16" eb="18">
      <t>キカク</t>
    </rPh>
    <phoneticPr fontId="4"/>
  </si>
  <si>
    <t>https://www.pen-kanagawa.ed.jp/hiratsukakoka-th/</t>
    <phoneticPr fontId="4"/>
  </si>
  <si>
    <t>イブニング学校説明会・見学会</t>
    <rPh sb="5" eb="7">
      <t>ガッコウ</t>
    </rPh>
    <rPh sb="7" eb="10">
      <t>セツメイカイ</t>
    </rPh>
    <rPh sb="11" eb="13">
      <t>ケンガク</t>
    </rPh>
    <rPh sb="13" eb="14">
      <t>カイ</t>
    </rPh>
    <phoneticPr fontId="4"/>
  </si>
  <si>
    <t>2023/10/06</t>
    <phoneticPr fontId="4"/>
  </si>
  <si>
    <t>平塚駅</t>
    <rPh sb="0" eb="2">
      <t>ヒラツカ</t>
    </rPh>
    <rPh sb="2" eb="3">
      <t>エキ</t>
    </rPh>
    <phoneticPr fontId="4"/>
  </si>
  <si>
    <t>本校への入学を考える中3３年生とその保護者</t>
    <rPh sb="0" eb="2">
      <t>ホンコウ</t>
    </rPh>
    <rPh sb="4" eb="6">
      <t>ニュウガク</t>
    </rPh>
    <rPh sb="7" eb="8">
      <t>カンガ</t>
    </rPh>
    <rPh sb="10" eb="11">
      <t>ナカ</t>
    </rPh>
    <rPh sb="13" eb="15">
      <t>ネンセイ</t>
    </rPh>
    <rPh sb="18" eb="21">
      <t>ホゴシャ</t>
    </rPh>
    <phoneticPr fontId="4"/>
  </si>
  <si>
    <t>江麗祭</t>
    <rPh sb="0" eb="2">
      <t>コウレイ</t>
    </rPh>
    <rPh sb="2" eb="3">
      <t>サイ</t>
    </rPh>
    <phoneticPr fontId="4"/>
  </si>
  <si>
    <t>文化祭</t>
    <rPh sb="0" eb="3">
      <t>ブンカサイ</t>
    </rPh>
    <phoneticPr fontId="4"/>
  </si>
  <si>
    <t>2023/10/13</t>
    <phoneticPr fontId="4"/>
  </si>
  <si>
    <t>平塚江南高等学校</t>
    <rPh sb="0" eb="2">
      <t>ヒラツカ</t>
    </rPh>
    <rPh sb="2" eb="4">
      <t>コウナン</t>
    </rPh>
    <rPh sb="4" eb="6">
      <t>コウトウ</t>
    </rPh>
    <rPh sb="6" eb="8">
      <t>ガッコウ</t>
    </rPh>
    <phoneticPr fontId="4"/>
  </si>
  <si>
    <t>平塚駅</t>
    <rPh sb="0" eb="2">
      <t>ヒラツカ</t>
    </rPh>
    <rPh sb="2" eb="3">
      <t>エキ</t>
    </rPh>
    <phoneticPr fontId="4"/>
  </si>
  <si>
    <t>保護者等</t>
    <rPh sb="0" eb="3">
      <t>ホゴシャ</t>
    </rPh>
    <rPh sb="3" eb="4">
      <t>トウ</t>
    </rPh>
    <phoneticPr fontId="4"/>
  </si>
  <si>
    <t>学校説明会</t>
    <rPh sb="0" eb="2">
      <t>ガッコウ</t>
    </rPh>
    <rPh sb="2" eb="5">
      <t>セツメイカイ</t>
    </rPh>
    <phoneticPr fontId="4"/>
  </si>
  <si>
    <t>本校への入学を希望している中学生に対し、本校の教育活動や、進路指導及び入学者選考基準等の説明を行う　</t>
    <rPh sb="0" eb="2">
      <t>ホンコウ</t>
    </rPh>
    <rPh sb="4" eb="6">
      <t>ニュウガク</t>
    </rPh>
    <rPh sb="7" eb="9">
      <t>キボウ</t>
    </rPh>
    <rPh sb="13" eb="16">
      <t>チュウガクセイ</t>
    </rPh>
    <rPh sb="17" eb="18">
      <t>タイ</t>
    </rPh>
    <rPh sb="20" eb="22">
      <t>ホンコウ</t>
    </rPh>
    <rPh sb="23" eb="25">
      <t>キョウイク</t>
    </rPh>
    <rPh sb="25" eb="27">
      <t>カツドウ</t>
    </rPh>
    <rPh sb="29" eb="31">
      <t>シンロ</t>
    </rPh>
    <rPh sb="31" eb="33">
      <t>シドウ</t>
    </rPh>
    <rPh sb="33" eb="34">
      <t>オヨ</t>
    </rPh>
    <rPh sb="35" eb="38">
      <t>ニュウガクシャ</t>
    </rPh>
    <rPh sb="38" eb="40">
      <t>センコウ</t>
    </rPh>
    <rPh sb="40" eb="42">
      <t>キジュン</t>
    </rPh>
    <rPh sb="42" eb="43">
      <t>トウ</t>
    </rPh>
    <rPh sb="44" eb="46">
      <t>セツメイ</t>
    </rPh>
    <rPh sb="47" eb="48">
      <t>オコナ</t>
    </rPh>
    <phoneticPr fontId="4"/>
  </si>
  <si>
    <t>受検を考えている中学生とその保護者及び中学校教職員等</t>
    <rPh sb="0" eb="2">
      <t>ジュケン</t>
    </rPh>
    <rPh sb="3" eb="4">
      <t>カンガ</t>
    </rPh>
    <rPh sb="8" eb="11">
      <t>チュウガクセイ</t>
    </rPh>
    <rPh sb="14" eb="17">
      <t>ホゴシャ</t>
    </rPh>
    <rPh sb="17" eb="18">
      <t>オヨ</t>
    </rPh>
    <rPh sb="19" eb="22">
      <t>チュウガッコウ</t>
    </rPh>
    <rPh sb="22" eb="25">
      <t>キョウショクイン</t>
    </rPh>
    <rPh sb="25" eb="26">
      <t>トウ</t>
    </rPh>
    <phoneticPr fontId="4"/>
  </si>
  <si>
    <t>秋の体験入学</t>
    <rPh sb="0" eb="1">
      <t>アキ</t>
    </rPh>
    <rPh sb="2" eb="4">
      <t>タイケン</t>
    </rPh>
    <rPh sb="4" eb="6">
      <t>ニュウガク</t>
    </rPh>
    <phoneticPr fontId="4"/>
  </si>
  <si>
    <t>本校への入学を考える中学3年生とその保護者を対象とした農業科または総合ビジネス科の体験入学。</t>
    <rPh sb="0" eb="2">
      <t>ホンコウ</t>
    </rPh>
    <rPh sb="4" eb="6">
      <t>ニュウガク</t>
    </rPh>
    <rPh sb="7" eb="8">
      <t>カンガ</t>
    </rPh>
    <rPh sb="10" eb="12">
      <t>チュウガク</t>
    </rPh>
    <rPh sb="13" eb="15">
      <t>ネンセイ</t>
    </rPh>
    <rPh sb="18" eb="21">
      <t>ホゴシャ</t>
    </rPh>
    <rPh sb="22" eb="24">
      <t>タイショウ</t>
    </rPh>
    <rPh sb="27" eb="29">
      <t>ノウギョウ</t>
    </rPh>
    <rPh sb="29" eb="30">
      <t>カ</t>
    </rPh>
    <rPh sb="33" eb="35">
      <t>ソウゴウ</t>
    </rPh>
    <rPh sb="39" eb="40">
      <t>カ</t>
    </rPh>
    <rPh sb="41" eb="43">
      <t>タイケン</t>
    </rPh>
    <rPh sb="43" eb="45">
      <t>ニュウガク</t>
    </rPh>
    <phoneticPr fontId="4"/>
  </si>
  <si>
    <t>翠星祭文化部門</t>
    <rPh sb="0" eb="1">
      <t>ミドリ</t>
    </rPh>
    <rPh sb="1" eb="2">
      <t>ホシ</t>
    </rPh>
    <rPh sb="2" eb="3">
      <t>マツリ</t>
    </rPh>
    <rPh sb="3" eb="5">
      <t>ブンカ</t>
    </rPh>
    <rPh sb="5" eb="7">
      <t>ブモン</t>
    </rPh>
    <phoneticPr fontId="4"/>
  </si>
  <si>
    <t>本校の教育活動の成果を内外に発表することで、本校の魅力と特色を発信していきます。</t>
    <rPh sb="0" eb="2">
      <t>ホンコウ</t>
    </rPh>
    <rPh sb="3" eb="5">
      <t>キョウイク</t>
    </rPh>
    <rPh sb="5" eb="7">
      <t>カツドウ</t>
    </rPh>
    <rPh sb="8" eb="10">
      <t>セイカ</t>
    </rPh>
    <rPh sb="11" eb="13">
      <t>ナイガイ</t>
    </rPh>
    <rPh sb="14" eb="16">
      <t>ハッピョウ</t>
    </rPh>
    <rPh sb="22" eb="24">
      <t>ホンコウ</t>
    </rPh>
    <rPh sb="25" eb="27">
      <t>ミリョク</t>
    </rPh>
    <rPh sb="28" eb="30">
      <t>トクショク</t>
    </rPh>
    <rPh sb="31" eb="33">
      <t>ハッシン</t>
    </rPh>
    <phoneticPr fontId="4"/>
  </si>
  <si>
    <t>2023/10/22</t>
  </si>
  <si>
    <t>神奈川県立平塚中等教育学校</t>
    <rPh sb="0" eb="5">
      <t>カナガワケンリツ</t>
    </rPh>
    <rPh sb="5" eb="13">
      <t>ヒラツカチュウトウキョウイクガッコウ</t>
    </rPh>
    <phoneticPr fontId="4"/>
  </si>
  <si>
    <t>平塚駅または伊勢原駅</t>
    <rPh sb="0" eb="2">
      <t>ヒラツカ</t>
    </rPh>
    <rPh sb="2" eb="3">
      <t>エキ</t>
    </rPh>
    <rPh sb="6" eb="9">
      <t>イセハラ</t>
    </rPh>
    <rPh sb="9" eb="10">
      <t>エキ</t>
    </rPh>
    <phoneticPr fontId="4"/>
  </si>
  <si>
    <t>本校受検を考えている小学生とその保護者</t>
    <rPh sb="0" eb="2">
      <t>ホンコウ</t>
    </rPh>
    <rPh sb="2" eb="4">
      <t>ジュケン</t>
    </rPh>
    <rPh sb="5" eb="6">
      <t>カンガ</t>
    </rPh>
    <rPh sb="10" eb="13">
      <t>ショウガクセイ</t>
    </rPh>
    <rPh sb="16" eb="19">
      <t>ホゴシャ</t>
    </rPh>
    <phoneticPr fontId="4"/>
  </si>
  <si>
    <t>神奈川県教育委員会
総務室　教育ビジョン・広報グループ</t>
    <rPh sb="0" eb="4">
      <t>カナガワケン</t>
    </rPh>
    <rPh sb="4" eb="6">
      <t>キョウイク</t>
    </rPh>
    <rPh sb="6" eb="9">
      <t>イインカイ</t>
    </rPh>
    <rPh sb="10" eb="12">
      <t>ソウム</t>
    </rPh>
    <rPh sb="12" eb="13">
      <t>シツ</t>
    </rPh>
    <rPh sb="14" eb="16">
      <t>キョウイク</t>
    </rPh>
    <rPh sb="21" eb="23">
      <t>コウホウ</t>
    </rPh>
    <phoneticPr fontId="4"/>
  </si>
  <si>
    <t>https://www.pen-kanagawa.ed.jp/hiratsuka-chuto-ss/</t>
    <phoneticPr fontId="4"/>
  </si>
  <si>
    <t>体育祭</t>
    <rPh sb="0" eb="3">
      <t>タイイクサイ</t>
    </rPh>
    <phoneticPr fontId="4"/>
  </si>
  <si>
    <t>学校行事としての体育祭を実施します。コロナ禍以来5年ぶりの開催です。視覚障害の幼児児童生徒全員で、いくつかの種目や円周走などに取り組みます。</t>
    <rPh sb="0" eb="4">
      <t>ガッコウギョウジ</t>
    </rPh>
    <rPh sb="8" eb="11">
      <t>タイイクサイ</t>
    </rPh>
    <rPh sb="12" eb="14">
      <t>ジッシ</t>
    </rPh>
    <rPh sb="21" eb="24">
      <t>カイライ</t>
    </rPh>
    <rPh sb="25" eb="26">
      <t>ネン</t>
    </rPh>
    <rPh sb="29" eb="31">
      <t>カイサイ</t>
    </rPh>
    <rPh sb="34" eb="38">
      <t>シカクショウガイ</t>
    </rPh>
    <rPh sb="39" eb="45">
      <t>ヨウジジドウセイト</t>
    </rPh>
    <rPh sb="45" eb="47">
      <t>ゼンイン</t>
    </rPh>
    <rPh sb="54" eb="56">
      <t>シュモク</t>
    </rPh>
    <rPh sb="57" eb="60">
      <t>エンシュウソウ</t>
    </rPh>
    <rPh sb="63" eb="64">
      <t>ト</t>
    </rPh>
    <rPh sb="65" eb="66">
      <t>ク</t>
    </rPh>
    <phoneticPr fontId="4"/>
  </si>
  <si>
    <t>神奈川県立平塚盲学校</t>
    <rPh sb="0" eb="10">
      <t>カナガワケンリツヒラツカモウガッコウ</t>
    </rPh>
    <phoneticPr fontId="4"/>
  </si>
  <si>
    <t>基本的に本校在籍幼児児童生徒と関係者
見学は要事前申し込み</t>
    <rPh sb="0" eb="3">
      <t>キホンテキ</t>
    </rPh>
    <rPh sb="4" eb="14">
      <t>ホンコウザイセキヨウジジドウセイト</t>
    </rPh>
    <rPh sb="15" eb="18">
      <t>カンケイシャ</t>
    </rPh>
    <rPh sb="19" eb="21">
      <t>ケンガク</t>
    </rPh>
    <rPh sb="22" eb="23">
      <t>ヨウ</t>
    </rPh>
    <rPh sb="23" eb="26">
      <t>ジゼンモウ</t>
    </rPh>
    <rPh sb="27" eb="28">
      <t>コ</t>
    </rPh>
    <phoneticPr fontId="4"/>
  </si>
  <si>
    <t>中学生対象公開授業</t>
    <rPh sb="0" eb="3">
      <t>チュウガクセイ</t>
    </rPh>
    <rPh sb="3" eb="5">
      <t>タイショウ</t>
    </rPh>
    <rPh sb="5" eb="7">
      <t>コウカイ</t>
    </rPh>
    <rPh sb="7" eb="9">
      <t>ジュギョウ</t>
    </rPh>
    <phoneticPr fontId="4"/>
  </si>
  <si>
    <t>本校への入学を希望している中学生に対し、本校の授業を公開する</t>
    <rPh sb="0" eb="2">
      <t>ホンコウ</t>
    </rPh>
    <rPh sb="4" eb="6">
      <t>ニュウガク</t>
    </rPh>
    <rPh sb="7" eb="9">
      <t>キボウ</t>
    </rPh>
    <rPh sb="13" eb="16">
      <t>チュウガクセイ</t>
    </rPh>
    <rPh sb="17" eb="18">
      <t>タイ</t>
    </rPh>
    <rPh sb="20" eb="22">
      <t>ホンコウ</t>
    </rPh>
    <rPh sb="23" eb="25">
      <t>ジュギョウ</t>
    </rPh>
    <rPh sb="26" eb="28">
      <t>コウカイ</t>
    </rPh>
    <phoneticPr fontId="4"/>
  </si>
  <si>
    <t>受検を考えている中学生とその保護者等</t>
    <rPh sb="0" eb="2">
      <t>ジュケン</t>
    </rPh>
    <rPh sb="3" eb="4">
      <t>カンガ</t>
    </rPh>
    <rPh sb="8" eb="11">
      <t>チュウガクセイ</t>
    </rPh>
    <rPh sb="14" eb="17">
      <t>ホゴシャ</t>
    </rPh>
    <rPh sb="17" eb="18">
      <t>トウ</t>
    </rPh>
    <phoneticPr fontId="4"/>
  </si>
  <si>
    <t>学校説明会・見学会</t>
    <rPh sb="0" eb="2">
      <t>ガッコウ</t>
    </rPh>
    <rPh sb="2" eb="5">
      <t>セツメイカイ</t>
    </rPh>
    <rPh sb="6" eb="8">
      <t>ケンガク</t>
    </rPh>
    <rPh sb="8" eb="9">
      <t>カイ</t>
    </rPh>
    <phoneticPr fontId="4"/>
  </si>
  <si>
    <t>鎌倉市</t>
  </si>
  <si>
    <t>中級スペイン語講座</t>
    <rPh sb="0" eb="2">
      <t>チュウキュウ</t>
    </rPh>
    <rPh sb="6" eb="7">
      <t>ゴ</t>
    </rPh>
    <rPh sb="7" eb="9">
      <t>コウザ</t>
    </rPh>
    <phoneticPr fontId="4"/>
  </si>
  <si>
    <t>①教育（社会教育・生涯学習）</t>
  </si>
  <si>
    <t>県民を対象とした学校開放事業の公開講座
初級文法を終了した方を対象とし、ネイティブの特別講師とともにスペイン語の会話力の向上を目標としている。</t>
    <rPh sb="0" eb="2">
      <t>ケンミン</t>
    </rPh>
    <rPh sb="3" eb="5">
      <t>タイショウ</t>
    </rPh>
    <rPh sb="8" eb="12">
      <t>ガッコウカイホウ</t>
    </rPh>
    <rPh sb="12" eb="14">
      <t>ジギョウ</t>
    </rPh>
    <rPh sb="15" eb="19">
      <t>コウカイコウザ</t>
    </rPh>
    <rPh sb="20" eb="22">
      <t>ショキュウ</t>
    </rPh>
    <rPh sb="22" eb="24">
      <t>ブンポウ</t>
    </rPh>
    <rPh sb="25" eb="27">
      <t>シュウリョウ</t>
    </rPh>
    <rPh sb="29" eb="30">
      <t>カタ</t>
    </rPh>
    <rPh sb="31" eb="33">
      <t>タイショウ</t>
    </rPh>
    <rPh sb="42" eb="44">
      <t>トクベツ</t>
    </rPh>
    <rPh sb="44" eb="46">
      <t>コウシ</t>
    </rPh>
    <rPh sb="54" eb="55">
      <t>ゴ</t>
    </rPh>
    <rPh sb="56" eb="58">
      <t>カイワ</t>
    </rPh>
    <rPh sb="58" eb="59">
      <t>リョク</t>
    </rPh>
    <rPh sb="60" eb="62">
      <t>コウジョウ</t>
    </rPh>
    <rPh sb="63" eb="65">
      <t>モクヒョウ</t>
    </rPh>
    <phoneticPr fontId="4"/>
  </si>
  <si>
    <t>神奈川県立深沢高等学校</t>
    <rPh sb="0" eb="3">
      <t>カナガワ</t>
    </rPh>
    <rPh sb="3" eb="5">
      <t>ケンリツ</t>
    </rPh>
    <rPh sb="5" eb="7">
      <t>フカサワ</t>
    </rPh>
    <rPh sb="7" eb="9">
      <t>コウトウ</t>
    </rPh>
    <rPh sb="9" eb="11">
      <t>ガッコウ</t>
    </rPh>
    <phoneticPr fontId="4"/>
  </si>
  <si>
    <t>藤沢駅
（JR・小田急・江ノ電）</t>
    <rPh sb="0" eb="3">
      <t>フジサワエキ</t>
    </rPh>
    <rPh sb="8" eb="11">
      <t>オダキュウ</t>
    </rPh>
    <rPh sb="12" eb="13">
      <t>エ</t>
    </rPh>
    <rPh sb="14" eb="15">
      <t>デン</t>
    </rPh>
    <phoneticPr fontId="4"/>
  </si>
  <si>
    <t>県民
スペイン語初級文法修了者程度</t>
    <rPh sb="0" eb="2">
      <t>ケンミン</t>
    </rPh>
    <rPh sb="7" eb="8">
      <t>ゴ</t>
    </rPh>
    <rPh sb="8" eb="10">
      <t>ショキュウ</t>
    </rPh>
    <rPh sb="10" eb="12">
      <t>ブンポウ</t>
    </rPh>
    <rPh sb="12" eb="15">
      <t>シュウリョウシャ</t>
    </rPh>
    <rPh sb="15" eb="17">
      <t>テイド</t>
    </rPh>
    <phoneticPr fontId="4"/>
  </si>
  <si>
    <t>深沢高校　公開講座担当</t>
    <rPh sb="0" eb="4">
      <t>フカサワコウコウ</t>
    </rPh>
    <rPh sb="5" eb="9">
      <t>コウカイコウザ</t>
    </rPh>
    <rPh sb="9" eb="11">
      <t>タントウ</t>
    </rPh>
    <phoneticPr fontId="4"/>
  </si>
  <si>
    <t>https://www.pen-kanagawa.ed.jp/fukasawa-h/</t>
    <phoneticPr fontId="4"/>
  </si>
  <si>
    <t>学校公開日</t>
    <rPh sb="0" eb="2">
      <t>ガッコウ</t>
    </rPh>
    <rPh sb="2" eb="5">
      <t>コウカイビ</t>
    </rPh>
    <phoneticPr fontId="4"/>
  </si>
  <si>
    <t>藤沢支援学校（鎌倉分教室）の教育活動を公開します。</t>
    <rPh sb="0" eb="6">
      <t>フジサワシエンガッコウ</t>
    </rPh>
    <rPh sb="7" eb="12">
      <t>カマクラブンキョウシツ</t>
    </rPh>
    <rPh sb="14" eb="18">
      <t>キョウイクカツドウ</t>
    </rPh>
    <rPh sb="19" eb="21">
      <t>コウカイ</t>
    </rPh>
    <phoneticPr fontId="4"/>
  </si>
  <si>
    <t xml:space="preserve">2023/10/11
</t>
    <phoneticPr fontId="4"/>
  </si>
  <si>
    <t>藤沢支援学校鎌倉分教室
（県立鎌倉高校内）</t>
    <rPh sb="0" eb="6">
      <t>フジサワシエンガッコウ</t>
    </rPh>
    <rPh sb="6" eb="8">
      <t>カマクラ</t>
    </rPh>
    <rPh sb="8" eb="11">
      <t>ブンキョウシツ</t>
    </rPh>
    <rPh sb="19" eb="20">
      <t>ナイ</t>
    </rPh>
    <phoneticPr fontId="4"/>
  </si>
  <si>
    <t xml:space="preserve">鎌倉高校前駅
</t>
    <rPh sb="0" eb="5">
      <t>カマクラコウコウマエ</t>
    </rPh>
    <rPh sb="5" eb="6">
      <t>エキ</t>
    </rPh>
    <phoneticPr fontId="4"/>
  </si>
  <si>
    <t>藤沢支援学校
支援連携グループ</t>
    <rPh sb="0" eb="6">
      <t>フジサワシエンガッコウ</t>
    </rPh>
    <rPh sb="7" eb="9">
      <t>シエン</t>
    </rPh>
    <rPh sb="9" eb="11">
      <t>レンケイ</t>
    </rPh>
    <phoneticPr fontId="4"/>
  </si>
  <si>
    <t>地域住民、保護者
教員</t>
    <rPh sb="0" eb="4">
      <t>チイキジュウミン</t>
    </rPh>
    <rPh sb="5" eb="8">
      <t>ホゴシャ</t>
    </rPh>
    <rPh sb="9" eb="11">
      <t>キョウイン</t>
    </rPh>
    <phoneticPr fontId="4"/>
  </si>
  <si>
    <t>藤沢支援学校
支援連携グループ</t>
    <phoneticPr fontId="4"/>
  </si>
  <si>
    <t>藤沢市</t>
  </si>
  <si>
    <t>Festa清流</t>
    <rPh sb="5" eb="7">
      <t>セイリュウ</t>
    </rPh>
    <phoneticPr fontId="4"/>
  </si>
  <si>
    <t>一般の地域の方々や保護者、卒業生に生徒の学校行事に対する取り組みへの理解を深めてもらいます。</t>
    <rPh sb="0" eb="2">
      <t>イッパン</t>
    </rPh>
    <rPh sb="3" eb="5">
      <t>チイキ</t>
    </rPh>
    <rPh sb="6" eb="8">
      <t>カタガタ</t>
    </rPh>
    <rPh sb="9" eb="12">
      <t>ホゴシャ</t>
    </rPh>
    <rPh sb="13" eb="16">
      <t>ソツギョウセイ</t>
    </rPh>
    <rPh sb="17" eb="19">
      <t>セイト</t>
    </rPh>
    <rPh sb="20" eb="22">
      <t>ガッコウ</t>
    </rPh>
    <rPh sb="22" eb="24">
      <t>ギョウジ</t>
    </rPh>
    <rPh sb="25" eb="26">
      <t>タイ</t>
    </rPh>
    <rPh sb="28" eb="29">
      <t>ト</t>
    </rPh>
    <rPh sb="30" eb="31">
      <t>ク</t>
    </rPh>
    <rPh sb="34" eb="36">
      <t>リカイ</t>
    </rPh>
    <rPh sb="37" eb="38">
      <t>フカ</t>
    </rPh>
    <phoneticPr fontId="4"/>
  </si>
  <si>
    <t>2023/09/16</t>
    <phoneticPr fontId="4"/>
  </si>
  <si>
    <t>2023/09/17</t>
    <phoneticPr fontId="4"/>
  </si>
  <si>
    <t>神奈川県立藤沢清流高等学校</t>
    <rPh sb="0" eb="3">
      <t>カナガワ</t>
    </rPh>
    <rPh sb="3" eb="5">
      <t>ケンリツ</t>
    </rPh>
    <rPh sb="5" eb="7">
      <t>フジサワ</t>
    </rPh>
    <rPh sb="7" eb="9">
      <t>セイリュウ</t>
    </rPh>
    <rPh sb="9" eb="11">
      <t>コウトウ</t>
    </rPh>
    <rPh sb="11" eb="13">
      <t>ガッコウ</t>
    </rPh>
    <phoneticPr fontId="4"/>
  </si>
  <si>
    <t>藤沢本町駅</t>
    <rPh sb="0" eb="2">
      <t>フジサワ</t>
    </rPh>
    <rPh sb="2" eb="4">
      <t>ホンマチ</t>
    </rPh>
    <rPh sb="4" eb="5">
      <t>エキ</t>
    </rPh>
    <phoneticPr fontId="4"/>
  </si>
  <si>
    <t>特になし</t>
    <rPh sb="0" eb="1">
      <t>トク</t>
    </rPh>
    <phoneticPr fontId="4"/>
  </si>
  <si>
    <t>第一回学校説明会</t>
    <rPh sb="0" eb="3">
      <t>ダイイッカイ</t>
    </rPh>
    <rPh sb="3" eb="5">
      <t>ガッコウ</t>
    </rPh>
    <rPh sb="5" eb="8">
      <t>セツメイカイ</t>
    </rPh>
    <phoneticPr fontId="4"/>
  </si>
  <si>
    <t>本校への進学希望のある生徒、及びその保護者に本校の教育方針、特色などを理解してもらいます。</t>
    <rPh sb="0" eb="2">
      <t>ホンコウ</t>
    </rPh>
    <rPh sb="4" eb="6">
      <t>シンガク</t>
    </rPh>
    <rPh sb="6" eb="8">
      <t>キボウ</t>
    </rPh>
    <rPh sb="11" eb="13">
      <t>セイト</t>
    </rPh>
    <rPh sb="14" eb="15">
      <t>オヨ</t>
    </rPh>
    <rPh sb="18" eb="21">
      <t>ホゴシャ</t>
    </rPh>
    <rPh sb="22" eb="24">
      <t>ホンコウ</t>
    </rPh>
    <rPh sb="25" eb="27">
      <t>キョウイク</t>
    </rPh>
    <rPh sb="27" eb="29">
      <t>ホウシン</t>
    </rPh>
    <rPh sb="30" eb="32">
      <t>トクショク</t>
    </rPh>
    <rPh sb="35" eb="37">
      <t>リカイ</t>
    </rPh>
    <phoneticPr fontId="4"/>
  </si>
  <si>
    <t>神奈川県立藤沢清流高等学校に進学希望のある中学生、及びその保護者</t>
    <rPh sb="0" eb="3">
      <t>カナガワ</t>
    </rPh>
    <rPh sb="3" eb="5">
      <t>ケンリツ</t>
    </rPh>
    <rPh sb="5" eb="7">
      <t>フジサワ</t>
    </rPh>
    <rPh sb="7" eb="9">
      <t>セイリュウ</t>
    </rPh>
    <rPh sb="9" eb="11">
      <t>コウトウ</t>
    </rPh>
    <rPh sb="11" eb="13">
      <t>ガッコウ</t>
    </rPh>
    <rPh sb="14" eb="16">
      <t>シンガク</t>
    </rPh>
    <rPh sb="16" eb="18">
      <t>キボウ</t>
    </rPh>
    <rPh sb="21" eb="24">
      <t>チュウガクセイ</t>
    </rPh>
    <rPh sb="25" eb="26">
      <t>オヨ</t>
    </rPh>
    <rPh sb="29" eb="32">
      <t>ホゴシャ</t>
    </rPh>
    <phoneticPr fontId="4"/>
  </si>
  <si>
    <t>第１回学校説明会</t>
    <rPh sb="0" eb="1">
      <t>ダイ</t>
    </rPh>
    <rPh sb="2" eb="3">
      <t>カイ</t>
    </rPh>
    <rPh sb="3" eb="8">
      <t>ガッコウセツメイカイ</t>
    </rPh>
    <phoneticPr fontId="4"/>
  </si>
  <si>
    <t>中学生とその保護者の皆様に藤沢総合高校の特色について知っていただくとともに、学校の様子や部活動の見学を行っていただきます。</t>
    <rPh sb="13" eb="19">
      <t>フジサワソウゴウコウコウ</t>
    </rPh>
    <rPh sb="20" eb="22">
      <t>トクショク</t>
    </rPh>
    <rPh sb="26" eb="27">
      <t>シ</t>
    </rPh>
    <rPh sb="38" eb="40">
      <t>ガッコウ</t>
    </rPh>
    <rPh sb="41" eb="43">
      <t>ヨウス</t>
    </rPh>
    <rPh sb="44" eb="47">
      <t>ブカツドウ</t>
    </rPh>
    <rPh sb="48" eb="50">
      <t>ケンガク</t>
    </rPh>
    <rPh sb="51" eb="52">
      <t>オコナ</t>
    </rPh>
    <phoneticPr fontId="4"/>
  </si>
  <si>
    <t>神奈川県立藤沢総合高等学校</t>
    <rPh sb="0" eb="3">
      <t>カナガワ</t>
    </rPh>
    <rPh sb="3" eb="5">
      <t>ケンリツ</t>
    </rPh>
    <rPh sb="5" eb="7">
      <t>フジサワ</t>
    </rPh>
    <rPh sb="7" eb="9">
      <t>ソウゴウ</t>
    </rPh>
    <rPh sb="9" eb="11">
      <t>コウトウ</t>
    </rPh>
    <rPh sb="11" eb="13">
      <t>ガッコウ</t>
    </rPh>
    <phoneticPr fontId="4"/>
  </si>
  <si>
    <t>長後駅</t>
    <rPh sb="0" eb="3">
      <t>チョウゴエキ</t>
    </rPh>
    <phoneticPr fontId="4"/>
  </si>
  <si>
    <t>神奈川県立藤沢総合高等学校</t>
    <phoneticPr fontId="4"/>
  </si>
  <si>
    <t>https://www.pen-kanagawa.ed.jp/fujisawasogo-ih/nyugaku/reiwagosetsumeikai.html</t>
    <phoneticPr fontId="4"/>
  </si>
  <si>
    <t>学校公開日</t>
    <rPh sb="0" eb="5">
      <t>ガッコウコウカイビ</t>
    </rPh>
    <phoneticPr fontId="4"/>
  </si>
  <si>
    <t>藤沢支援学校（本校）の教育活動を公開します。</t>
    <rPh sb="7" eb="9">
      <t>ホンコウ</t>
    </rPh>
    <phoneticPr fontId="4"/>
  </si>
  <si>
    <t>2023/10/12</t>
    <phoneticPr fontId="4"/>
  </si>
  <si>
    <t>2023/10/27</t>
    <phoneticPr fontId="4"/>
  </si>
  <si>
    <t>藤沢支援学校</t>
    <rPh sb="0" eb="6">
      <t>フジサワシエンガッコウ</t>
    </rPh>
    <phoneticPr fontId="4"/>
  </si>
  <si>
    <t>六会日大前駅</t>
    <rPh sb="5" eb="6">
      <t>エキ</t>
    </rPh>
    <phoneticPr fontId="4"/>
  </si>
  <si>
    <t>地域住民、保護者
教員</t>
    <phoneticPr fontId="4"/>
  </si>
  <si>
    <t>翡翠祭（文化祭）</t>
    <rPh sb="0" eb="3">
      <t>ヒスイサイ</t>
    </rPh>
    <rPh sb="4" eb="7">
      <t>ブンカサイ</t>
    </rPh>
    <phoneticPr fontId="4"/>
  </si>
  <si>
    <t>藤沢総合高校の生徒のクラスや部活動、有志の発表を行います。</t>
    <rPh sb="0" eb="6">
      <t>フジサワソウゴウコウコウ</t>
    </rPh>
    <rPh sb="7" eb="9">
      <t>セイト</t>
    </rPh>
    <rPh sb="14" eb="17">
      <t>ブカツドウ</t>
    </rPh>
    <rPh sb="18" eb="20">
      <t>ユウシ</t>
    </rPh>
    <rPh sb="21" eb="23">
      <t>ハッピョウ</t>
    </rPh>
    <rPh sb="24" eb="25">
      <t>オコナ</t>
    </rPh>
    <phoneticPr fontId="4"/>
  </si>
  <si>
    <t>2023/10/29</t>
  </si>
  <si>
    <t>第２回学校説明会</t>
    <rPh sb="0" eb="1">
      <t>ダイ</t>
    </rPh>
    <rPh sb="2" eb="3">
      <t>カイ</t>
    </rPh>
    <rPh sb="3" eb="8">
      <t>ガッコウセツメイカイ</t>
    </rPh>
    <phoneticPr fontId="4"/>
  </si>
  <si>
    <t>中学生とその保護者の皆様に藤沢総合高校の特色について知っていただくとともに、実際の授業、学校の様子、部活動等の見学を行っていただきます。</t>
    <rPh sb="38" eb="40">
      <t>ジッサイ</t>
    </rPh>
    <rPh sb="41" eb="43">
      <t>ジュギョウ</t>
    </rPh>
    <rPh sb="44" eb="46">
      <t>ガッコウ</t>
    </rPh>
    <rPh sb="47" eb="49">
      <t>ヨウス</t>
    </rPh>
    <rPh sb="53" eb="54">
      <t>トウ</t>
    </rPh>
    <phoneticPr fontId="4"/>
  </si>
  <si>
    <t>小田原市</t>
  </si>
  <si>
    <t>公開授業および校内見学</t>
    <rPh sb="7" eb="9">
      <t>コウナイ</t>
    </rPh>
    <rPh sb="9" eb="11">
      <t>ケンガク</t>
    </rPh>
    <phoneticPr fontId="4"/>
  </si>
  <si>
    <t>午前中に授業および校内見学を行い、午後に部活動体験を行います。</t>
    <phoneticPr fontId="4"/>
  </si>
  <si>
    <t>西湘高等学校</t>
  </si>
  <si>
    <t>鴨宮駅</t>
  </si>
  <si>
    <t>入学希望の生徒と保護者</t>
  </si>
  <si>
    <t>https://www.pen-kanagawa.ed.jp/seisho-h/index.html</t>
    <phoneticPr fontId="4"/>
  </si>
  <si>
    <t>部活動体験</t>
    <rPh sb="0" eb="3">
      <t>ブカツドウ</t>
    </rPh>
    <rPh sb="3" eb="5">
      <t>タイケン</t>
    </rPh>
    <phoneticPr fontId="4"/>
  </si>
  <si>
    <t>午前中に授業および校内見学を行い、午後に部活動体験を行います。</t>
  </si>
  <si>
    <t>第二回学校説明会</t>
    <rPh sb="0" eb="3">
      <t>ダイニカイ</t>
    </rPh>
    <rPh sb="3" eb="8">
      <t>ガッコウセツメイカイ</t>
    </rPh>
    <phoneticPr fontId="4"/>
  </si>
  <si>
    <t>学校説明会・学校施設見学・部活動見学</t>
    <rPh sb="0" eb="5">
      <t>ガッコウセツメイカイ</t>
    </rPh>
    <rPh sb="6" eb="8">
      <t>ガッコウ</t>
    </rPh>
    <rPh sb="8" eb="10">
      <t>シセツ</t>
    </rPh>
    <rPh sb="10" eb="12">
      <t>ケンガク</t>
    </rPh>
    <rPh sb="13" eb="16">
      <t>ブカツドウ</t>
    </rPh>
    <rPh sb="16" eb="18">
      <t>ケンガク</t>
    </rPh>
    <phoneticPr fontId="4"/>
  </si>
  <si>
    <t>県立小田原高等学校</t>
    <rPh sb="0" eb="9">
      <t>ケンリツオダワラコウトウガッコウ</t>
    </rPh>
    <phoneticPr fontId="4"/>
  </si>
  <si>
    <t>小田原駅</t>
    <rPh sb="0" eb="4">
      <t>オダワラエキ</t>
    </rPh>
    <phoneticPr fontId="4"/>
  </si>
  <si>
    <t>小田原高等学校</t>
    <rPh sb="0" eb="7">
      <t>オダワラコウトウガッコウ</t>
    </rPh>
    <phoneticPr fontId="4"/>
  </si>
  <si>
    <t>中学三年生・保護者</t>
    <rPh sb="0" eb="5">
      <t>チュウガクサンネンセイ</t>
    </rPh>
    <rPh sb="6" eb="9">
      <t>ホゴシャ</t>
    </rPh>
    <phoneticPr fontId="4"/>
  </si>
  <si>
    <t>小田原高等学校学校総務グループ</t>
    <rPh sb="0" eb="7">
      <t>オダワラコウトウガッコウ</t>
    </rPh>
    <rPh sb="7" eb="9">
      <t>ガッコウ</t>
    </rPh>
    <rPh sb="9" eb="11">
      <t>ソウム</t>
    </rPh>
    <phoneticPr fontId="4"/>
  </si>
  <si>
    <t>城北祭</t>
    <rPh sb="0" eb="3">
      <t>ジョウホクサイ</t>
    </rPh>
    <phoneticPr fontId="4"/>
  </si>
  <si>
    <t>工業高校ならではの展示や体験などを考えています。日頃の学習の成果をご覧下さい。</t>
    <rPh sb="0" eb="4">
      <t>コウギョウコウコウ</t>
    </rPh>
    <rPh sb="9" eb="11">
      <t>テンジ</t>
    </rPh>
    <rPh sb="12" eb="14">
      <t>タイケン</t>
    </rPh>
    <rPh sb="17" eb="18">
      <t>カンガ</t>
    </rPh>
    <rPh sb="24" eb="26">
      <t>ヒゴロ</t>
    </rPh>
    <rPh sb="27" eb="29">
      <t>ガクシュウ</t>
    </rPh>
    <rPh sb="30" eb="32">
      <t>セイカ</t>
    </rPh>
    <rPh sb="34" eb="36">
      <t>ランクダ</t>
    </rPh>
    <phoneticPr fontId="4"/>
  </si>
  <si>
    <t>2023/11/4</t>
    <phoneticPr fontId="4"/>
  </si>
  <si>
    <t>2023/11/5</t>
    <phoneticPr fontId="4"/>
  </si>
  <si>
    <t>小田原城北工業高等学校</t>
  </si>
  <si>
    <t>栢山駅</t>
    <rPh sb="0" eb="3">
      <t>カヤマエキ</t>
    </rPh>
    <phoneticPr fontId="4"/>
  </si>
  <si>
    <t>中学生とその保護者及び一般の方</t>
    <rPh sb="0" eb="3">
      <t>チュウガクセイ</t>
    </rPh>
    <rPh sb="6" eb="9">
      <t>ホゴシャ</t>
    </rPh>
    <rPh sb="9" eb="10">
      <t>オヨ</t>
    </rPh>
    <rPh sb="11" eb="13">
      <t>イッパン</t>
    </rPh>
    <rPh sb="14" eb="15">
      <t>カタ</t>
    </rPh>
    <phoneticPr fontId="4"/>
  </si>
  <si>
    <t>小田原城北工業高等学校生徒支援グループ</t>
    <rPh sb="11" eb="15">
      <t>セイトシエン</t>
    </rPh>
    <phoneticPr fontId="4"/>
  </si>
  <si>
    <t>https://www.pen-kanagawa.ed.jp/odawarajohoku-th/index.html</t>
    <phoneticPr fontId="4"/>
  </si>
  <si>
    <t>茅ヶ崎市</t>
    <rPh sb="0" eb="4">
      <t>チガサキシ</t>
    </rPh>
    <phoneticPr fontId="4"/>
  </si>
  <si>
    <t>生徒の自主的な活動を主体とした文化創造の場として、各クラスや部活動が発表等を行います。</t>
    <rPh sb="0" eb="2">
      <t>セイト</t>
    </rPh>
    <rPh sb="3" eb="6">
      <t>ジシュテキ</t>
    </rPh>
    <rPh sb="7" eb="9">
      <t>カツドウ</t>
    </rPh>
    <rPh sb="10" eb="12">
      <t>シュタイ</t>
    </rPh>
    <rPh sb="15" eb="17">
      <t>ブンカ</t>
    </rPh>
    <rPh sb="17" eb="19">
      <t>ソウゾウ</t>
    </rPh>
    <rPh sb="20" eb="21">
      <t>バ</t>
    </rPh>
    <rPh sb="25" eb="26">
      <t>カク</t>
    </rPh>
    <rPh sb="30" eb="33">
      <t>ブカツドウ</t>
    </rPh>
    <rPh sb="34" eb="36">
      <t>ハッピョウ</t>
    </rPh>
    <rPh sb="36" eb="37">
      <t>トウ</t>
    </rPh>
    <rPh sb="38" eb="39">
      <t>オコナ</t>
    </rPh>
    <phoneticPr fontId="4"/>
  </si>
  <si>
    <t>2023/9/22</t>
    <phoneticPr fontId="4"/>
  </si>
  <si>
    <t>茅ケ崎西浜高等学校</t>
    <rPh sb="0" eb="3">
      <t>チガサキ</t>
    </rPh>
    <rPh sb="3" eb="5">
      <t>ニシハマ</t>
    </rPh>
    <rPh sb="5" eb="7">
      <t>コウトウ</t>
    </rPh>
    <rPh sb="7" eb="9">
      <t>ガッコウ</t>
    </rPh>
    <phoneticPr fontId="4"/>
  </si>
  <si>
    <t>茅ヶ崎駅</t>
    <rPh sb="0" eb="3">
      <t>チガサキ</t>
    </rPh>
    <rPh sb="3" eb="4">
      <t>エキ</t>
    </rPh>
    <phoneticPr fontId="4"/>
  </si>
  <si>
    <t>茅ケ崎西浜高等学校　生徒会グループ</t>
    <rPh sb="0" eb="7">
      <t>チガサキニシハマコウトウ</t>
    </rPh>
    <rPh sb="7" eb="9">
      <t>ガッコウ</t>
    </rPh>
    <rPh sb="10" eb="12">
      <t>セイト</t>
    </rPh>
    <rPh sb="12" eb="13">
      <t>カイ</t>
    </rPh>
    <phoneticPr fontId="4"/>
  </si>
  <si>
    <t>本校生徒から招待された者、事前にHPより申し込みをした中学３年生</t>
    <rPh sb="0" eb="2">
      <t>ホンコウ</t>
    </rPh>
    <rPh sb="2" eb="4">
      <t>セイト</t>
    </rPh>
    <rPh sb="6" eb="8">
      <t>ショウタイ</t>
    </rPh>
    <rPh sb="11" eb="12">
      <t>モノ</t>
    </rPh>
    <rPh sb="13" eb="15">
      <t>ジゼン</t>
    </rPh>
    <rPh sb="20" eb="21">
      <t>モウ</t>
    </rPh>
    <rPh sb="22" eb="23">
      <t>コ</t>
    </rPh>
    <rPh sb="27" eb="29">
      <t>チュウガク</t>
    </rPh>
    <rPh sb="30" eb="31">
      <t>ネン</t>
    </rPh>
    <rPh sb="31" eb="32">
      <t>セイ</t>
    </rPh>
    <phoneticPr fontId="4"/>
  </si>
  <si>
    <t>茅ヶ崎市</t>
  </si>
  <si>
    <t>部活動見学会</t>
    <rPh sb="0" eb="3">
      <t>ブカツドウ</t>
    </rPh>
    <rPh sb="3" eb="6">
      <t>ケンガクカイ</t>
    </rPh>
    <phoneticPr fontId="4"/>
  </si>
  <si>
    <t>本校の部活動の様子を見学していただくことで、どのような活動をしているのかを実際に理解していただけると考えています。</t>
    <rPh sb="0" eb="2">
      <t>ホンコウ</t>
    </rPh>
    <rPh sb="3" eb="6">
      <t>ブカツドウ</t>
    </rPh>
    <rPh sb="7" eb="9">
      <t>ヨウス</t>
    </rPh>
    <rPh sb="10" eb="12">
      <t>ケンガク</t>
    </rPh>
    <rPh sb="27" eb="29">
      <t>カツドウ</t>
    </rPh>
    <rPh sb="37" eb="39">
      <t>ジッサイ</t>
    </rPh>
    <rPh sb="40" eb="42">
      <t>リカイ</t>
    </rPh>
    <rPh sb="50" eb="51">
      <t>カンガ</t>
    </rPh>
    <phoneticPr fontId="4"/>
  </si>
  <si>
    <t>本校敷地内</t>
    <rPh sb="0" eb="2">
      <t>ホンコウ</t>
    </rPh>
    <rPh sb="2" eb="5">
      <t>シキチナイ</t>
    </rPh>
    <phoneticPr fontId="4"/>
  </si>
  <si>
    <t>香川駅</t>
    <rPh sb="0" eb="3">
      <t>カガワエキ</t>
    </rPh>
    <phoneticPr fontId="4"/>
  </si>
  <si>
    <t>茅ケ崎北陵高等学校・総務管理グループ</t>
    <rPh sb="0" eb="9">
      <t>チガサキホクリョウコウトウガッコウ</t>
    </rPh>
    <rPh sb="10" eb="14">
      <t>ソウムカンリ</t>
    </rPh>
    <phoneticPr fontId="4"/>
  </si>
  <si>
    <t>現中学３年生と保護者の方</t>
    <rPh sb="0" eb="1">
      <t>ゲン</t>
    </rPh>
    <rPh sb="1" eb="3">
      <t>チュウガク</t>
    </rPh>
    <rPh sb="4" eb="6">
      <t>ネンセイ</t>
    </rPh>
    <rPh sb="7" eb="10">
      <t>ホゴシャ</t>
    </rPh>
    <rPh sb="11" eb="12">
      <t>カタ</t>
    </rPh>
    <phoneticPr fontId="4"/>
  </si>
  <si>
    <t>https://www.pen-kanagawa.ed.jp/chigasakihokuryo-h/nyugaku/index.html</t>
    <phoneticPr fontId="4"/>
  </si>
  <si>
    <t>部活動体験および見学会</t>
    <rPh sb="0" eb="5">
      <t>ブカツドウタイケン</t>
    </rPh>
    <rPh sb="8" eb="11">
      <t>ケンガクカイ</t>
    </rPh>
    <phoneticPr fontId="4"/>
  </si>
  <si>
    <t>本校の部活動に実際に参加していただくことで、高校生活における部活動の楽しさや喜びを少しでも実感していただくことができます。</t>
    <rPh sb="0" eb="2">
      <t>ホンコウ</t>
    </rPh>
    <rPh sb="3" eb="6">
      <t>ブカツドウ</t>
    </rPh>
    <rPh sb="7" eb="9">
      <t>ジッサイ</t>
    </rPh>
    <rPh sb="10" eb="12">
      <t>サンカ</t>
    </rPh>
    <rPh sb="22" eb="26">
      <t>コウコウセイカツ</t>
    </rPh>
    <rPh sb="30" eb="33">
      <t>ブカツドウ</t>
    </rPh>
    <rPh sb="34" eb="35">
      <t>タノ</t>
    </rPh>
    <rPh sb="38" eb="39">
      <t>ヨロコ</t>
    </rPh>
    <rPh sb="41" eb="42">
      <t>スコ</t>
    </rPh>
    <rPh sb="45" eb="47">
      <t>ジッカン</t>
    </rPh>
    <phoneticPr fontId="4"/>
  </si>
  <si>
    <t>中学生及びその保護者に、本校の特色を理解してもらい、進路選択の参考にしてもらいます。</t>
    <phoneticPr fontId="4"/>
  </si>
  <si>
    <t>茅ケ崎西浜高等学校　研究広報グループ</t>
    <rPh sb="10" eb="12">
      <t>ケンキュウ</t>
    </rPh>
    <rPh sb="12" eb="14">
      <t>コウホウ</t>
    </rPh>
    <phoneticPr fontId="4"/>
  </si>
  <si>
    <t>中学生及びその保護者</t>
    <phoneticPr fontId="4"/>
  </si>
  <si>
    <t>https://www.pen-kanagawa.ed.jp/chigasakinishihama-h/nyugaku/setsumeikai.html</t>
    <phoneticPr fontId="4"/>
  </si>
  <si>
    <t>中学生に本校の部活動を見学・体験してもらい、各部活動の特色や魅力をお伝えします。</t>
    <rPh sb="7" eb="10">
      <t>ブカツドウ</t>
    </rPh>
    <rPh sb="11" eb="13">
      <t>ケンガク</t>
    </rPh>
    <rPh sb="14" eb="16">
      <t>タイケン</t>
    </rPh>
    <rPh sb="22" eb="23">
      <t>カク</t>
    </rPh>
    <rPh sb="23" eb="24">
      <t>ブ</t>
    </rPh>
    <rPh sb="24" eb="26">
      <t>カツドウ</t>
    </rPh>
    <rPh sb="27" eb="29">
      <t>トクショク</t>
    </rPh>
    <rPh sb="30" eb="32">
      <t>ミリョク</t>
    </rPh>
    <rPh sb="34" eb="35">
      <t>ツタ</t>
    </rPh>
    <phoneticPr fontId="4"/>
  </si>
  <si>
    <t>中学生</t>
    <phoneticPr fontId="4"/>
  </si>
  <si>
    <t>https://www.pen-kanagawa.ed.jp/chigasakinishihama-h/nyugaku/bukatsutaiken.html</t>
    <phoneticPr fontId="4"/>
  </si>
  <si>
    <t>逗子市</t>
  </si>
  <si>
    <t>逗子葉山高等学校　文化祭　「夕凪祭」</t>
    <rPh sb="0" eb="2">
      <t>ズシ</t>
    </rPh>
    <rPh sb="2" eb="4">
      <t>ハヤマ</t>
    </rPh>
    <rPh sb="4" eb="6">
      <t>コウトウ</t>
    </rPh>
    <rPh sb="6" eb="8">
      <t>ガッコウ</t>
    </rPh>
    <rPh sb="9" eb="12">
      <t>ブンカサイ</t>
    </rPh>
    <rPh sb="14" eb="16">
      <t>ユウナギ</t>
    </rPh>
    <rPh sb="16" eb="17">
      <t>マツ</t>
    </rPh>
    <phoneticPr fontId="4"/>
  </si>
  <si>
    <t>逗子葉山高校の第1回の文化祭。文化部などによるステージ発表や各クラスでの企画、模擬店などを予定しています。</t>
    <rPh sb="0" eb="6">
      <t>ズシハヤマコウコウ</t>
    </rPh>
    <rPh sb="7" eb="8">
      <t>ダイ</t>
    </rPh>
    <rPh sb="9" eb="10">
      <t>カイ</t>
    </rPh>
    <rPh sb="11" eb="14">
      <t>ブンカサイ</t>
    </rPh>
    <rPh sb="15" eb="18">
      <t>ブンカブ</t>
    </rPh>
    <rPh sb="27" eb="29">
      <t>ハッピョウ</t>
    </rPh>
    <rPh sb="30" eb="31">
      <t>カク</t>
    </rPh>
    <rPh sb="36" eb="38">
      <t>キカク</t>
    </rPh>
    <rPh sb="39" eb="42">
      <t>モギテン</t>
    </rPh>
    <rPh sb="45" eb="47">
      <t>ヨテイ</t>
    </rPh>
    <phoneticPr fontId="4"/>
  </si>
  <si>
    <t>神奈川県立逗子葉山高等学校　</t>
    <rPh sb="0" eb="5">
      <t>カナガワケンリツ</t>
    </rPh>
    <rPh sb="5" eb="9">
      <t>ズシハヤマ</t>
    </rPh>
    <rPh sb="9" eb="13">
      <t>コウトウガッコウ</t>
    </rPh>
    <phoneticPr fontId="4"/>
  </si>
  <si>
    <t>逗子駅よりバス
東逗子駅より徒歩</t>
    <rPh sb="0" eb="2">
      <t>ズシ</t>
    </rPh>
    <rPh sb="2" eb="3">
      <t>エキ</t>
    </rPh>
    <rPh sb="8" eb="12">
      <t>ヒガシズシエキ</t>
    </rPh>
    <rPh sb="14" eb="16">
      <t>トホ</t>
    </rPh>
    <phoneticPr fontId="4"/>
  </si>
  <si>
    <t>神奈川県立逗子葉山高等学校　生徒活動支援グループ</t>
    <rPh sb="0" eb="5">
      <t>カナガワケンリツ</t>
    </rPh>
    <rPh sb="5" eb="9">
      <t>ズシハヤマ</t>
    </rPh>
    <rPh sb="9" eb="13">
      <t>コウトウガッコウ</t>
    </rPh>
    <rPh sb="14" eb="20">
      <t>セイトカツドウシエン</t>
    </rPh>
    <phoneticPr fontId="4"/>
  </si>
  <si>
    <t>神奈川県立逗子葉山高等学校　生徒活動支援グループ</t>
    <rPh sb="0" eb="5">
      <t>カナガワケンリツ</t>
    </rPh>
    <rPh sb="5" eb="7">
      <t>ズシ</t>
    </rPh>
    <rPh sb="7" eb="9">
      <t>ハヤマ</t>
    </rPh>
    <rPh sb="9" eb="11">
      <t>コウトウ</t>
    </rPh>
    <rPh sb="11" eb="13">
      <t>ガッコウ</t>
    </rPh>
    <rPh sb="14" eb="16">
      <t>セイト</t>
    </rPh>
    <rPh sb="16" eb="18">
      <t>カツドウ</t>
    </rPh>
    <rPh sb="18" eb="20">
      <t>シエン</t>
    </rPh>
    <phoneticPr fontId="4"/>
  </si>
  <si>
    <t>https://www.pen-kanagawa.ed.jp/zushihayama-h/index.html</t>
    <phoneticPr fontId="4"/>
  </si>
  <si>
    <t>逗子葉山高等学校　第2回学校説明会</t>
    <rPh sb="0" eb="2">
      <t>ズシ</t>
    </rPh>
    <rPh sb="2" eb="4">
      <t>ハヤマ</t>
    </rPh>
    <rPh sb="4" eb="6">
      <t>コウトウ</t>
    </rPh>
    <rPh sb="6" eb="8">
      <t>ガッコウ</t>
    </rPh>
    <rPh sb="9" eb="10">
      <t>ダイ</t>
    </rPh>
    <rPh sb="11" eb="12">
      <t>カイ</t>
    </rPh>
    <rPh sb="12" eb="14">
      <t>ガッコウ</t>
    </rPh>
    <rPh sb="14" eb="17">
      <t>セツメイカイ</t>
    </rPh>
    <phoneticPr fontId="4"/>
  </si>
  <si>
    <t>中学生、保護者を対象に逗子葉山高等学校の教育活動の特色や学校生活について説明します。</t>
    <rPh sb="0" eb="3">
      <t>チュウガクセイ</t>
    </rPh>
    <rPh sb="4" eb="7">
      <t>ホゴシャ</t>
    </rPh>
    <rPh sb="8" eb="10">
      <t>タイショウ</t>
    </rPh>
    <rPh sb="11" eb="13">
      <t>ズシ</t>
    </rPh>
    <rPh sb="13" eb="15">
      <t>ハヤマ</t>
    </rPh>
    <rPh sb="15" eb="19">
      <t>コウトウガッコウ</t>
    </rPh>
    <rPh sb="20" eb="22">
      <t>キョウイク</t>
    </rPh>
    <rPh sb="22" eb="24">
      <t>カツドウ</t>
    </rPh>
    <rPh sb="25" eb="27">
      <t>トクショク</t>
    </rPh>
    <rPh sb="28" eb="30">
      <t>ガッコウ</t>
    </rPh>
    <rPh sb="30" eb="32">
      <t>セイカツ</t>
    </rPh>
    <rPh sb="36" eb="38">
      <t>セツメイ</t>
    </rPh>
    <phoneticPr fontId="4"/>
  </si>
  <si>
    <t>神奈川県立逗子葉山高等学校　体育館</t>
    <rPh sb="0" eb="5">
      <t>カナガワケンリツ</t>
    </rPh>
    <rPh sb="5" eb="9">
      <t>ズシハヤマ</t>
    </rPh>
    <rPh sb="9" eb="13">
      <t>コウトウガッコウ</t>
    </rPh>
    <rPh sb="14" eb="17">
      <t>タイイクカン</t>
    </rPh>
    <phoneticPr fontId="4"/>
  </si>
  <si>
    <t>神奈川県立逗子葉山高等学校　研究・広報グループ</t>
    <rPh sb="0" eb="5">
      <t>カナガワケンリツ</t>
    </rPh>
    <rPh sb="5" eb="9">
      <t>ズシハヤマ</t>
    </rPh>
    <rPh sb="9" eb="13">
      <t>コウトウガッコウ</t>
    </rPh>
    <rPh sb="14" eb="16">
      <t>ケンキュウ</t>
    </rPh>
    <rPh sb="17" eb="19">
      <t>コウホウ</t>
    </rPh>
    <phoneticPr fontId="4"/>
  </si>
  <si>
    <t>中学3年生とその保護者</t>
    <rPh sb="0" eb="2">
      <t>チュウガク</t>
    </rPh>
    <rPh sb="3" eb="5">
      <t>ネンセイ</t>
    </rPh>
    <rPh sb="8" eb="11">
      <t>ホゴシャ</t>
    </rPh>
    <phoneticPr fontId="4"/>
  </si>
  <si>
    <t>神奈川県立逗子葉山高等学校　研究・広報グループ</t>
    <rPh sb="0" eb="5">
      <t>カナガワケンリツ</t>
    </rPh>
    <rPh sb="5" eb="7">
      <t>ズシ</t>
    </rPh>
    <rPh sb="7" eb="9">
      <t>ハヤマ</t>
    </rPh>
    <rPh sb="9" eb="11">
      <t>コウトウ</t>
    </rPh>
    <rPh sb="11" eb="13">
      <t>ガッコウ</t>
    </rPh>
    <rPh sb="14" eb="16">
      <t>ケンキュウ</t>
    </rPh>
    <rPh sb="17" eb="19">
      <t>コウホウ</t>
    </rPh>
    <phoneticPr fontId="4"/>
  </si>
  <si>
    <t>秦野市</t>
  </si>
  <si>
    <t>本校の教育活動の説明および本校生徒による学校生活の紹介を行います。</t>
    <rPh sb="13" eb="15">
      <t>ホンコウ</t>
    </rPh>
    <rPh sb="28" eb="29">
      <t>オコナ</t>
    </rPh>
    <phoneticPr fontId="4"/>
  </si>
  <si>
    <t>秦野高等学校</t>
    <rPh sb="0" eb="2">
      <t>ハダノ</t>
    </rPh>
    <rPh sb="2" eb="4">
      <t>コウトウ</t>
    </rPh>
    <rPh sb="4" eb="6">
      <t>ガッコウ</t>
    </rPh>
    <phoneticPr fontId="4"/>
  </si>
  <si>
    <t>東海大学前駅</t>
    <rPh sb="0" eb="2">
      <t>トウカイ</t>
    </rPh>
    <rPh sb="2" eb="4">
      <t>ダイガク</t>
    </rPh>
    <rPh sb="4" eb="5">
      <t>マエ</t>
    </rPh>
    <rPh sb="5" eb="6">
      <t>エキ</t>
    </rPh>
    <phoneticPr fontId="4"/>
  </si>
  <si>
    <t>本校に入学希望の生徒とその保護者</t>
    <rPh sb="0" eb="2">
      <t>ホンコウ</t>
    </rPh>
    <rPh sb="3" eb="5">
      <t>ニュウガク</t>
    </rPh>
    <rPh sb="5" eb="7">
      <t>キボウ</t>
    </rPh>
    <rPh sb="8" eb="10">
      <t>セイト</t>
    </rPh>
    <rPh sb="13" eb="16">
      <t>ホゴシャ</t>
    </rPh>
    <phoneticPr fontId="4"/>
  </si>
  <si>
    <t>秦野高等学校
研究開発グループ</t>
    <phoneticPr fontId="4"/>
  </si>
  <si>
    <t>https://www.pen-kanagawa.ed.jp/hadano-h/</t>
    <phoneticPr fontId="4"/>
  </si>
  <si>
    <t>秦野総合高等学校説明会</t>
    <rPh sb="0" eb="2">
      <t>ハダノ</t>
    </rPh>
    <rPh sb="2" eb="4">
      <t>ソウゴウ</t>
    </rPh>
    <rPh sb="4" eb="6">
      <t>コウトウ</t>
    </rPh>
    <rPh sb="6" eb="8">
      <t>ガッコウ</t>
    </rPh>
    <rPh sb="8" eb="11">
      <t>セツメイカイ</t>
    </rPh>
    <phoneticPr fontId="4"/>
  </si>
  <si>
    <t>秦野総合高校へ進学を検討している中学生及び保護者の方に向けた説明会です。校舎内見学や個別相談ブースも用意しています。</t>
    <rPh sb="0" eb="2">
      <t>ハダノ</t>
    </rPh>
    <rPh sb="2" eb="4">
      <t>ソウゴウ</t>
    </rPh>
    <rPh sb="4" eb="6">
      <t>コウコウ</t>
    </rPh>
    <rPh sb="7" eb="9">
      <t>シンガク</t>
    </rPh>
    <rPh sb="10" eb="12">
      <t>ケントウ</t>
    </rPh>
    <rPh sb="16" eb="19">
      <t>チュウガクセイ</t>
    </rPh>
    <rPh sb="19" eb="20">
      <t>オヨ</t>
    </rPh>
    <rPh sb="21" eb="24">
      <t>ホゴシャ</t>
    </rPh>
    <rPh sb="25" eb="26">
      <t>カタ</t>
    </rPh>
    <rPh sb="27" eb="28">
      <t>ム</t>
    </rPh>
    <rPh sb="30" eb="33">
      <t>セツメイカイ</t>
    </rPh>
    <rPh sb="36" eb="38">
      <t>コウシャ</t>
    </rPh>
    <rPh sb="38" eb="39">
      <t>ナイ</t>
    </rPh>
    <rPh sb="39" eb="41">
      <t>ケンガク</t>
    </rPh>
    <rPh sb="42" eb="44">
      <t>コベツ</t>
    </rPh>
    <rPh sb="44" eb="46">
      <t>ソウダン</t>
    </rPh>
    <rPh sb="50" eb="52">
      <t>ヨウイ</t>
    </rPh>
    <phoneticPr fontId="4"/>
  </si>
  <si>
    <t>秦野総合高等学校</t>
    <rPh sb="0" eb="2">
      <t>ハダノ</t>
    </rPh>
    <rPh sb="2" eb="4">
      <t>ソウゴウ</t>
    </rPh>
    <rPh sb="4" eb="6">
      <t>コウトウ</t>
    </rPh>
    <rPh sb="6" eb="8">
      <t>ガッコウ</t>
    </rPh>
    <phoneticPr fontId="4"/>
  </si>
  <si>
    <t>秦野駅</t>
    <rPh sb="0" eb="3">
      <t>ハダノエキ</t>
    </rPh>
    <phoneticPr fontId="4"/>
  </si>
  <si>
    <t>秦野総合高等学校（全日制）</t>
    <rPh sb="0" eb="2">
      <t>ハダノ</t>
    </rPh>
    <rPh sb="2" eb="4">
      <t>ソウゴウ</t>
    </rPh>
    <rPh sb="4" eb="6">
      <t>コウトウ</t>
    </rPh>
    <rPh sb="6" eb="8">
      <t>ガッコウ</t>
    </rPh>
    <rPh sb="9" eb="12">
      <t>ゼンニチセイ</t>
    </rPh>
    <phoneticPr fontId="4"/>
  </si>
  <si>
    <t>秦野総合高校へ進学を検討している中学生及び保護者</t>
    <rPh sb="0" eb="2">
      <t>ハダノ</t>
    </rPh>
    <rPh sb="2" eb="4">
      <t>ソウゴウ</t>
    </rPh>
    <rPh sb="4" eb="6">
      <t>コウコウ</t>
    </rPh>
    <rPh sb="7" eb="9">
      <t>シンガク</t>
    </rPh>
    <rPh sb="10" eb="12">
      <t>ケントウ</t>
    </rPh>
    <rPh sb="16" eb="19">
      <t>チュウガクセイ</t>
    </rPh>
    <rPh sb="19" eb="20">
      <t>オヨ</t>
    </rPh>
    <rPh sb="21" eb="24">
      <t>ホゴシャ</t>
    </rPh>
    <phoneticPr fontId="4"/>
  </si>
  <si>
    <t>秦野総合高校広報情報グループ</t>
    <rPh sb="0" eb="2">
      <t>ハダノ</t>
    </rPh>
    <rPh sb="2" eb="4">
      <t>ソウゴウ</t>
    </rPh>
    <rPh sb="4" eb="6">
      <t>コウコウ</t>
    </rPh>
    <rPh sb="6" eb="8">
      <t>コウホウ</t>
    </rPh>
    <rPh sb="8" eb="10">
      <t>ジョウホウ</t>
    </rPh>
    <phoneticPr fontId="4"/>
  </si>
  <si>
    <t>http://www.pen-kanagawa.ed.jp/hadanosogo-ih/</t>
    <phoneticPr fontId="4"/>
  </si>
  <si>
    <t>第2回学校説明会</t>
    <rPh sb="0" eb="1">
      <t>ダイ</t>
    </rPh>
    <rPh sb="2" eb="3">
      <t>カイ</t>
    </rPh>
    <rPh sb="3" eb="8">
      <t>ガッコウセツメイカイ</t>
    </rPh>
    <phoneticPr fontId="4"/>
  </si>
  <si>
    <t>本校の受検を考えている中学生および保護者の方々へ、本校の教育活動を説明、学校生活を紹介し、施設見学を行います。個別相談ブースも用意します。</t>
    <rPh sb="0" eb="2">
      <t>ホンコウ</t>
    </rPh>
    <rPh sb="3" eb="5">
      <t>ジュケン</t>
    </rPh>
    <rPh sb="6" eb="7">
      <t>カンガ</t>
    </rPh>
    <rPh sb="11" eb="14">
      <t>チュウガクセイ</t>
    </rPh>
    <rPh sb="17" eb="20">
      <t>ホゴシャ</t>
    </rPh>
    <rPh sb="21" eb="23">
      <t>カタガタ</t>
    </rPh>
    <rPh sb="25" eb="27">
      <t>ホンコウ</t>
    </rPh>
    <rPh sb="28" eb="30">
      <t>キョウイク</t>
    </rPh>
    <rPh sb="30" eb="32">
      <t>カツドウ</t>
    </rPh>
    <rPh sb="33" eb="35">
      <t>セツメイ</t>
    </rPh>
    <rPh sb="36" eb="38">
      <t>ガッコウ</t>
    </rPh>
    <rPh sb="38" eb="40">
      <t>セイカツ</t>
    </rPh>
    <rPh sb="41" eb="43">
      <t>ショウカイ</t>
    </rPh>
    <rPh sb="45" eb="47">
      <t>シセツ</t>
    </rPh>
    <rPh sb="47" eb="49">
      <t>ケンガク</t>
    </rPh>
    <rPh sb="50" eb="51">
      <t>オコナ</t>
    </rPh>
    <rPh sb="55" eb="57">
      <t>コベツ</t>
    </rPh>
    <rPh sb="57" eb="59">
      <t>ソウダン</t>
    </rPh>
    <rPh sb="63" eb="65">
      <t>ヨウイ</t>
    </rPh>
    <phoneticPr fontId="4"/>
  </si>
  <si>
    <t>秦野曽屋高等学校体育館</t>
    <rPh sb="0" eb="2">
      <t>ハダノ</t>
    </rPh>
    <rPh sb="2" eb="8">
      <t>ソヤコウトウガッコウ</t>
    </rPh>
    <rPh sb="8" eb="11">
      <t>タイイクカン</t>
    </rPh>
    <phoneticPr fontId="4"/>
  </si>
  <si>
    <t>小田急秦野駅から徒歩20分またはバスで末広小学校前下車徒歩3分</t>
    <rPh sb="0" eb="3">
      <t>オダキュウ</t>
    </rPh>
    <rPh sb="3" eb="6">
      <t>ハダノエキ</t>
    </rPh>
    <rPh sb="8" eb="10">
      <t>トホ</t>
    </rPh>
    <rPh sb="12" eb="13">
      <t>フン</t>
    </rPh>
    <rPh sb="19" eb="25">
      <t>スエヒロショウガッコウマエ</t>
    </rPh>
    <rPh sb="25" eb="27">
      <t>ゲシャ</t>
    </rPh>
    <rPh sb="27" eb="29">
      <t>トホ</t>
    </rPh>
    <rPh sb="30" eb="31">
      <t>フン</t>
    </rPh>
    <phoneticPr fontId="4"/>
  </si>
  <si>
    <t>秦野曽屋高等学校</t>
    <rPh sb="0" eb="4">
      <t>ハダノソヤ</t>
    </rPh>
    <rPh sb="4" eb="8">
      <t>コウトウガッコウ</t>
    </rPh>
    <phoneticPr fontId="4"/>
  </si>
  <si>
    <t>本校受検を検討している中学生および保護者</t>
    <rPh sb="0" eb="4">
      <t>ホンコウジュケン</t>
    </rPh>
    <rPh sb="5" eb="7">
      <t>ケントウ</t>
    </rPh>
    <rPh sb="11" eb="14">
      <t>チュウガクセイ</t>
    </rPh>
    <rPh sb="17" eb="20">
      <t>ホゴシャ</t>
    </rPh>
    <phoneticPr fontId="4"/>
  </si>
  <si>
    <t>秦野曽屋高等学校広報特色・情報グループ</t>
    <rPh sb="0" eb="4">
      <t>ハダノソヤ</t>
    </rPh>
    <rPh sb="4" eb="8">
      <t>コウトウガッコウ</t>
    </rPh>
    <rPh sb="8" eb="12">
      <t>コウホウトクショク</t>
    </rPh>
    <rPh sb="13" eb="15">
      <t>ジョウホウ</t>
    </rPh>
    <phoneticPr fontId="4"/>
  </si>
  <si>
    <t>https://www.pen-kanagawa.ed.jp/hadanosoya-h/</t>
    <phoneticPr fontId="4"/>
  </si>
  <si>
    <t>第３回学校説明会</t>
    <rPh sb="0" eb="1">
      <t>ダイ</t>
    </rPh>
    <rPh sb="2" eb="3">
      <t>カイ</t>
    </rPh>
    <rPh sb="3" eb="5">
      <t>ガッコウ</t>
    </rPh>
    <rPh sb="5" eb="8">
      <t>セツメイカイ</t>
    </rPh>
    <phoneticPr fontId="4"/>
  </si>
  <si>
    <t>厚木市</t>
  </si>
  <si>
    <t>１日体験入学・学校説明会</t>
    <rPh sb="1" eb="2">
      <t>ニチ</t>
    </rPh>
    <rPh sb="2" eb="4">
      <t>タイケン</t>
    </rPh>
    <rPh sb="4" eb="6">
      <t>ニュウガク</t>
    </rPh>
    <rPh sb="7" eb="9">
      <t>ガッコウ</t>
    </rPh>
    <rPh sb="9" eb="12">
      <t>セツメイカイ</t>
    </rPh>
    <phoneticPr fontId="4"/>
  </si>
  <si>
    <t>体験授業では、本校の商業科目の授業を中学生に体験してもらう。学校説明会では、本校のカリキュラム・進路・新校等についての説明を実施する。</t>
    <rPh sb="0" eb="4">
      <t>タイケンジュギョウ</t>
    </rPh>
    <rPh sb="7" eb="9">
      <t>ホンコウ</t>
    </rPh>
    <rPh sb="10" eb="14">
      <t>ショウギョウカモク</t>
    </rPh>
    <rPh sb="15" eb="17">
      <t>ジュギョウ</t>
    </rPh>
    <rPh sb="18" eb="21">
      <t>チュウガクセイ</t>
    </rPh>
    <rPh sb="22" eb="24">
      <t>タイケン</t>
    </rPh>
    <rPh sb="30" eb="32">
      <t>ガッコウ</t>
    </rPh>
    <rPh sb="32" eb="35">
      <t>セツメイカイ</t>
    </rPh>
    <rPh sb="38" eb="40">
      <t>ホンコウ</t>
    </rPh>
    <rPh sb="48" eb="50">
      <t>シンロ</t>
    </rPh>
    <rPh sb="51" eb="53">
      <t>シンコウ</t>
    </rPh>
    <rPh sb="53" eb="54">
      <t>トウ</t>
    </rPh>
    <rPh sb="59" eb="61">
      <t>セツメイ</t>
    </rPh>
    <rPh sb="62" eb="64">
      <t>ジッシ</t>
    </rPh>
    <phoneticPr fontId="4"/>
  </si>
  <si>
    <t>厚木商業高校</t>
    <rPh sb="0" eb="2">
      <t>アツギ</t>
    </rPh>
    <rPh sb="2" eb="4">
      <t>ショウギョウ</t>
    </rPh>
    <rPh sb="4" eb="6">
      <t>コウコウ</t>
    </rPh>
    <phoneticPr fontId="4"/>
  </si>
  <si>
    <t>本厚木駅</t>
    <rPh sb="0" eb="4">
      <t>ホンアツギエキ</t>
    </rPh>
    <phoneticPr fontId="4"/>
  </si>
  <si>
    <t>厚木商業高校　地域連携グループ</t>
    <rPh sb="0" eb="2">
      <t>アツギ</t>
    </rPh>
    <rPh sb="2" eb="6">
      <t>ショウギョウコウコウ</t>
    </rPh>
    <rPh sb="7" eb="9">
      <t>チイキ</t>
    </rPh>
    <rPh sb="9" eb="11">
      <t>レンケイ</t>
    </rPh>
    <phoneticPr fontId="4"/>
  </si>
  <si>
    <t>中学３年生・保護者</t>
    <rPh sb="0" eb="2">
      <t>チュウガク</t>
    </rPh>
    <rPh sb="3" eb="5">
      <t>ネンセイ</t>
    </rPh>
    <rPh sb="6" eb="9">
      <t>ホゴシャ</t>
    </rPh>
    <phoneticPr fontId="4"/>
  </si>
  <si>
    <t>厚木北高等学校の教育と入試について紹介し、理解を深めていただく機会として実施いたします。</t>
    <rPh sb="0" eb="2">
      <t>アツギ</t>
    </rPh>
    <rPh sb="2" eb="3">
      <t>キタ</t>
    </rPh>
    <rPh sb="3" eb="7">
      <t>コウトウガッコウ</t>
    </rPh>
    <rPh sb="8" eb="10">
      <t>キョウイク</t>
    </rPh>
    <rPh sb="11" eb="13">
      <t>ニュウシ</t>
    </rPh>
    <rPh sb="17" eb="19">
      <t>ショウカイ</t>
    </rPh>
    <rPh sb="21" eb="23">
      <t>リカイ</t>
    </rPh>
    <rPh sb="24" eb="25">
      <t>フカ</t>
    </rPh>
    <rPh sb="31" eb="33">
      <t>キカイ</t>
    </rPh>
    <rPh sb="36" eb="38">
      <t>ジッシ</t>
    </rPh>
    <phoneticPr fontId="4"/>
  </si>
  <si>
    <t>厚木北高等学校</t>
    <rPh sb="0" eb="2">
      <t>アツギ</t>
    </rPh>
    <rPh sb="2" eb="3">
      <t>キタ</t>
    </rPh>
    <rPh sb="3" eb="7">
      <t>コウトウガッコウ</t>
    </rPh>
    <phoneticPr fontId="4"/>
  </si>
  <si>
    <t>神奈中バス「リコー前」</t>
    <rPh sb="0" eb="3">
      <t>カナチュウ</t>
    </rPh>
    <rPh sb="9" eb="10">
      <t>マエ</t>
    </rPh>
    <phoneticPr fontId="4"/>
  </si>
  <si>
    <t>本校の教育に関心のある中学生とその保護者</t>
    <rPh sb="0" eb="2">
      <t>ホンコウ</t>
    </rPh>
    <rPh sb="3" eb="5">
      <t>キョウイク</t>
    </rPh>
    <rPh sb="6" eb="8">
      <t>カンシン</t>
    </rPh>
    <rPh sb="11" eb="14">
      <t>チュウガクセイ</t>
    </rPh>
    <rPh sb="17" eb="20">
      <t>ホゴシャ</t>
    </rPh>
    <phoneticPr fontId="4"/>
  </si>
  <si>
    <t>https://www.pen-kanagawa.ed.jp/atsugikita-h/</t>
    <phoneticPr fontId="4"/>
  </si>
  <si>
    <t>厚木市</t>
    <phoneticPr fontId="4"/>
  </si>
  <si>
    <t>学校説明会・個別相談会</t>
    <rPh sb="0" eb="2">
      <t>ガッコウ</t>
    </rPh>
    <rPh sb="2" eb="5">
      <t>セツメイカイ</t>
    </rPh>
    <rPh sb="6" eb="8">
      <t>コベツ</t>
    </rPh>
    <rPh sb="8" eb="11">
      <t>ソウダンカイ</t>
    </rPh>
    <phoneticPr fontId="4"/>
  </si>
  <si>
    <t>学校説明会では、本校のカリキュラム・進路・新校等についての説明を実施する。個別相談会も実施し、個別相談にも対応する。</t>
    <rPh sb="0" eb="2">
      <t>チュウガッコウ</t>
    </rPh>
    <rPh sb="2" eb="5">
      <t>セツメイカイ</t>
    </rPh>
    <rPh sb="8" eb="10">
      <t>ホンコウ</t>
    </rPh>
    <rPh sb="18" eb="20">
      <t>シンロ</t>
    </rPh>
    <rPh sb="21" eb="23">
      <t>シンコウ</t>
    </rPh>
    <rPh sb="23" eb="24">
      <t>トウ</t>
    </rPh>
    <rPh sb="29" eb="31">
      <t>セツメイ</t>
    </rPh>
    <rPh sb="32" eb="34">
      <t>ジッシ</t>
    </rPh>
    <rPh sb="37" eb="39">
      <t>コベツ</t>
    </rPh>
    <rPh sb="39" eb="42">
      <t>ソウダンカイ</t>
    </rPh>
    <rPh sb="43" eb="45">
      <t>ジッシ</t>
    </rPh>
    <rPh sb="47" eb="49">
      <t>コベツ</t>
    </rPh>
    <rPh sb="49" eb="51">
      <t>ソウダン</t>
    </rPh>
    <rPh sb="53" eb="55">
      <t>タイオウ</t>
    </rPh>
    <phoneticPr fontId="4"/>
  </si>
  <si>
    <t>中学３年生・保護者</t>
  </si>
  <si>
    <t>若楓祭（文化祭）</t>
    <rPh sb="0" eb="2">
      <t>ワカカエデ</t>
    </rPh>
    <rPh sb="2" eb="3">
      <t>サイ</t>
    </rPh>
    <rPh sb="4" eb="6">
      <t>ブンカ</t>
    </rPh>
    <rPh sb="6" eb="7">
      <t>サイ</t>
    </rPh>
    <phoneticPr fontId="4"/>
  </si>
  <si>
    <t>生徒会を中心にした企画によって、厚木北高等学校の、学び、高めあう教育の成果を広く一般に公開します。</t>
    <rPh sb="0" eb="2">
      <t>セイト</t>
    </rPh>
    <rPh sb="2" eb="3">
      <t>カイ</t>
    </rPh>
    <rPh sb="4" eb="6">
      <t>チュウシン</t>
    </rPh>
    <rPh sb="9" eb="11">
      <t>キカク</t>
    </rPh>
    <rPh sb="16" eb="18">
      <t>アツギ</t>
    </rPh>
    <rPh sb="18" eb="19">
      <t>キタ</t>
    </rPh>
    <rPh sb="19" eb="21">
      <t>コウトウ</t>
    </rPh>
    <rPh sb="21" eb="23">
      <t>ガッコウ</t>
    </rPh>
    <rPh sb="25" eb="26">
      <t>マナ</t>
    </rPh>
    <rPh sb="28" eb="29">
      <t>タカ</t>
    </rPh>
    <rPh sb="32" eb="34">
      <t>キョウイク</t>
    </rPh>
    <rPh sb="35" eb="37">
      <t>セイカ</t>
    </rPh>
    <rPh sb="38" eb="39">
      <t>ヒロ</t>
    </rPh>
    <rPh sb="40" eb="42">
      <t>イッパン</t>
    </rPh>
    <rPh sb="43" eb="45">
      <t>コウカイ</t>
    </rPh>
    <phoneticPr fontId="4"/>
  </si>
  <si>
    <t>なし</t>
    <phoneticPr fontId="4"/>
  </si>
  <si>
    <t>大和市</t>
  </si>
  <si>
    <t>南翔祭</t>
    <rPh sb="0" eb="1">
      <t>ミナミ</t>
    </rPh>
    <rPh sb="1" eb="2">
      <t>ショウ</t>
    </rPh>
    <rPh sb="2" eb="3">
      <t>マツリ</t>
    </rPh>
    <phoneticPr fontId="4"/>
  </si>
  <si>
    <t>クラスや部活動、その他の団体で、研究発表や展示、パフォーマンス、食品の販売などを行います。</t>
    <rPh sb="4" eb="7">
      <t>ブカツドウ</t>
    </rPh>
    <rPh sb="10" eb="11">
      <t>タ</t>
    </rPh>
    <rPh sb="12" eb="14">
      <t>ダンタイ</t>
    </rPh>
    <rPh sb="16" eb="20">
      <t>ケンキュウハッピョウ</t>
    </rPh>
    <rPh sb="21" eb="23">
      <t>テンジ</t>
    </rPh>
    <rPh sb="32" eb="34">
      <t>ショクヒン</t>
    </rPh>
    <rPh sb="35" eb="37">
      <t>ハンバイ</t>
    </rPh>
    <rPh sb="40" eb="41">
      <t>オコナ</t>
    </rPh>
    <phoneticPr fontId="4"/>
  </si>
  <si>
    <t>大和南高等学校</t>
    <rPh sb="0" eb="3">
      <t>ヤマトミナミ</t>
    </rPh>
    <rPh sb="3" eb="7">
      <t>コウトウガッコウ</t>
    </rPh>
    <phoneticPr fontId="4"/>
  </si>
  <si>
    <t>桜ヶ丘駅
高座渋谷駅</t>
    <rPh sb="0" eb="4">
      <t>サクラガオカエキ</t>
    </rPh>
    <rPh sb="5" eb="10">
      <t>コウザシブヤエキ</t>
    </rPh>
    <phoneticPr fontId="4"/>
  </si>
  <si>
    <t>大和南高等学校</t>
    <rPh sb="0" eb="7">
      <t>ヤマトミナミコウトウガッコウ</t>
    </rPh>
    <phoneticPr fontId="4"/>
  </si>
  <si>
    <t>条件なし</t>
    <rPh sb="0" eb="2">
      <t>ジョウケン</t>
    </rPh>
    <phoneticPr fontId="4"/>
  </si>
  <si>
    <t>大和南高等学校　
活動支援グループ</t>
    <rPh sb="0" eb="7">
      <t>ヤマトミナミコウトウガッコウ</t>
    </rPh>
    <rPh sb="9" eb="11">
      <t>カツドウ</t>
    </rPh>
    <rPh sb="11" eb="13">
      <t>シエン</t>
    </rPh>
    <phoneticPr fontId="4"/>
  </si>
  <si>
    <t>https://www.pen-kanagawa.ed.jp/yamatominami-h/index.html</t>
    <phoneticPr fontId="4"/>
  </si>
  <si>
    <t xml:space="preserve">
オープンスクール
学校説明会</t>
    <rPh sb="10" eb="12">
      <t>ガッコウ</t>
    </rPh>
    <rPh sb="12" eb="15">
      <t>セツメイカイ</t>
    </rPh>
    <phoneticPr fontId="4"/>
  </si>
  <si>
    <t>中学3年生、保護者を対象に授業を公開します。学習や進路、生活指導、入学選抜についての説明や部活動見学などで、本校に対する理解、関心を深めてもらいます。</t>
    <rPh sb="0" eb="2">
      <t>チュウガク</t>
    </rPh>
    <rPh sb="3" eb="5">
      <t>ネンセイ</t>
    </rPh>
    <rPh sb="6" eb="9">
      <t>ホゴシャ</t>
    </rPh>
    <rPh sb="10" eb="12">
      <t>タイショウ</t>
    </rPh>
    <rPh sb="13" eb="15">
      <t>ジュギョウ</t>
    </rPh>
    <rPh sb="16" eb="18">
      <t>コウカイ</t>
    </rPh>
    <rPh sb="22" eb="24">
      <t>ガクシュウ</t>
    </rPh>
    <rPh sb="25" eb="27">
      <t>シンロ</t>
    </rPh>
    <rPh sb="28" eb="30">
      <t>セイカツ</t>
    </rPh>
    <rPh sb="30" eb="32">
      <t>シドウ</t>
    </rPh>
    <rPh sb="33" eb="35">
      <t>ニュウガク</t>
    </rPh>
    <rPh sb="35" eb="37">
      <t>センバツ</t>
    </rPh>
    <rPh sb="42" eb="44">
      <t>セツメイ</t>
    </rPh>
    <rPh sb="45" eb="48">
      <t>ブカツドウ</t>
    </rPh>
    <rPh sb="48" eb="50">
      <t>ケンガク</t>
    </rPh>
    <rPh sb="54" eb="56">
      <t>ホンコウ</t>
    </rPh>
    <rPh sb="57" eb="58">
      <t>タイ</t>
    </rPh>
    <rPh sb="60" eb="62">
      <t>リカイ</t>
    </rPh>
    <rPh sb="63" eb="65">
      <t>カンシン</t>
    </rPh>
    <rPh sb="66" eb="67">
      <t>フカ</t>
    </rPh>
    <phoneticPr fontId="4"/>
  </si>
  <si>
    <t>大和南高校に関心のある中学生、保護者</t>
    <rPh sb="0" eb="3">
      <t>ヤマトミナミ</t>
    </rPh>
    <rPh sb="3" eb="5">
      <t>コウコウ</t>
    </rPh>
    <rPh sb="6" eb="8">
      <t>カンシン</t>
    </rPh>
    <rPh sb="11" eb="14">
      <t>チュウガクセイ</t>
    </rPh>
    <rPh sb="15" eb="18">
      <t>ホゴシャ</t>
    </rPh>
    <phoneticPr fontId="4"/>
  </si>
  <si>
    <t>大和南高等学校　
研究・広報グループ</t>
    <rPh sb="0" eb="7">
      <t>ヤマトミナミコウトウガッコウ</t>
    </rPh>
    <rPh sb="9" eb="11">
      <t>ケンキュウ</t>
    </rPh>
    <rPh sb="12" eb="14">
      <t>コウホウ</t>
    </rPh>
    <phoneticPr fontId="4"/>
  </si>
  <si>
    <t>学校説明会</t>
  </si>
  <si>
    <t>中学生・保護者に向けて本校の教育目標とその実現に向けの様々な取り組みについて説明します。部活動も見学して頂きます。</t>
  </si>
  <si>
    <t>神奈川県立大和西高等学校</t>
  </si>
  <si>
    <t>南林間駅</t>
  </si>
  <si>
    <t>中学生及び保護者</t>
  </si>
  <si>
    <t>神奈川県立大和西高等学校　渉外広報グループ</t>
  </si>
  <si>
    <t>https://www.pen-kanagawa.ed.jp/yamatonishi-h/nyugaku/kenngaku.html</t>
    <phoneticPr fontId="4"/>
  </si>
  <si>
    <t>東翼祭（文化祭）</t>
    <rPh sb="0" eb="1">
      <t>ヒガシ</t>
    </rPh>
    <rPh sb="1" eb="2">
      <t>ツバサ</t>
    </rPh>
    <rPh sb="2" eb="3">
      <t>サイ</t>
    </rPh>
    <rPh sb="4" eb="7">
      <t>ブンカサイ</t>
    </rPh>
    <phoneticPr fontId="4"/>
  </si>
  <si>
    <t>各クラスごとの企画展や文化部の成果発表を行い、中学生とその保護者、地域の方々などに本校の教育の特色を知ってもらいます。</t>
    <rPh sb="0" eb="1">
      <t>カク</t>
    </rPh>
    <rPh sb="7" eb="10">
      <t>キカクテン</t>
    </rPh>
    <rPh sb="11" eb="13">
      <t>ブンカ</t>
    </rPh>
    <rPh sb="13" eb="14">
      <t>ブ</t>
    </rPh>
    <rPh sb="15" eb="17">
      <t>セイカ</t>
    </rPh>
    <rPh sb="17" eb="19">
      <t>ハッピョウ</t>
    </rPh>
    <rPh sb="20" eb="21">
      <t>オコナ</t>
    </rPh>
    <rPh sb="23" eb="26">
      <t>チュウガクセイ</t>
    </rPh>
    <rPh sb="29" eb="32">
      <t>ホゴシャ</t>
    </rPh>
    <rPh sb="33" eb="35">
      <t>チイキ</t>
    </rPh>
    <rPh sb="36" eb="38">
      <t>カタガタ</t>
    </rPh>
    <rPh sb="41" eb="43">
      <t>ホンコウ</t>
    </rPh>
    <rPh sb="44" eb="46">
      <t>キョウイク</t>
    </rPh>
    <rPh sb="47" eb="49">
      <t>トクショク</t>
    </rPh>
    <rPh sb="50" eb="51">
      <t>シ</t>
    </rPh>
    <phoneticPr fontId="4"/>
  </si>
  <si>
    <t>大和東高等学校</t>
    <rPh sb="0" eb="2">
      <t>ヤマト</t>
    </rPh>
    <rPh sb="2" eb="3">
      <t>ヒガシ</t>
    </rPh>
    <rPh sb="3" eb="5">
      <t>コウトウ</t>
    </rPh>
    <rPh sb="5" eb="7">
      <t>ガッコウ</t>
    </rPh>
    <phoneticPr fontId="4"/>
  </si>
  <si>
    <t>大和駅</t>
    <rPh sb="0" eb="2">
      <t>ヤマト</t>
    </rPh>
    <rPh sb="2" eb="3">
      <t>エキ</t>
    </rPh>
    <phoneticPr fontId="4"/>
  </si>
  <si>
    <t>県内中学生とその保護者及び本校の活動に興味のある方</t>
    <rPh sb="0" eb="2">
      <t>ケンナイ</t>
    </rPh>
    <rPh sb="2" eb="5">
      <t>チュウガクセイ</t>
    </rPh>
    <rPh sb="8" eb="11">
      <t>ホゴシャ</t>
    </rPh>
    <rPh sb="11" eb="12">
      <t>オヨ</t>
    </rPh>
    <rPh sb="13" eb="15">
      <t>ホンコウ</t>
    </rPh>
    <rPh sb="16" eb="18">
      <t>カツドウ</t>
    </rPh>
    <rPh sb="19" eb="21">
      <t>キョウミ</t>
    </rPh>
    <rPh sb="24" eb="25">
      <t>カタ</t>
    </rPh>
    <phoneticPr fontId="4"/>
  </si>
  <si>
    <t>第１回　学校説明会</t>
    <rPh sb="0" eb="1">
      <t>ダイ</t>
    </rPh>
    <rPh sb="2" eb="3">
      <t>カイ</t>
    </rPh>
    <rPh sb="4" eb="6">
      <t>ガッコウ</t>
    </rPh>
    <rPh sb="6" eb="9">
      <t>セツメイカイ</t>
    </rPh>
    <phoneticPr fontId="4"/>
  </si>
  <si>
    <t>授業体験、施設見学などを通して中学生とその保護者に本校の教育の特徴に触れ、入学への意欲を高めてもらいます。</t>
    <rPh sb="0" eb="2">
      <t>ジュギョウ</t>
    </rPh>
    <rPh sb="2" eb="4">
      <t>タイケン</t>
    </rPh>
    <rPh sb="5" eb="7">
      <t>シセツ</t>
    </rPh>
    <rPh sb="7" eb="9">
      <t>ケンガク</t>
    </rPh>
    <rPh sb="12" eb="13">
      <t>トオ</t>
    </rPh>
    <rPh sb="15" eb="18">
      <t>チュウガクセイ</t>
    </rPh>
    <rPh sb="21" eb="24">
      <t>ホゴシャ</t>
    </rPh>
    <rPh sb="25" eb="27">
      <t>ホンコウ</t>
    </rPh>
    <rPh sb="28" eb="30">
      <t>キョウイク</t>
    </rPh>
    <rPh sb="31" eb="33">
      <t>トクチョウ</t>
    </rPh>
    <rPh sb="34" eb="35">
      <t>フ</t>
    </rPh>
    <rPh sb="37" eb="39">
      <t>ニュウガク</t>
    </rPh>
    <rPh sb="41" eb="43">
      <t>イヨク</t>
    </rPh>
    <rPh sb="44" eb="45">
      <t>タカ</t>
    </rPh>
    <phoneticPr fontId="4"/>
  </si>
  <si>
    <t>県内中学生とその保護者</t>
    <rPh sb="0" eb="2">
      <t>ケンナイ</t>
    </rPh>
    <rPh sb="2" eb="5">
      <t>チュウガクセイ</t>
    </rPh>
    <rPh sb="8" eb="11">
      <t>ホゴシャ</t>
    </rPh>
    <phoneticPr fontId="4"/>
  </si>
  <si>
    <t>伊勢原市</t>
  </si>
  <si>
    <t>県立伊志田高等学校オープンスクール</t>
    <rPh sb="0" eb="2">
      <t>ケンリツ</t>
    </rPh>
    <rPh sb="2" eb="3">
      <t>イ</t>
    </rPh>
    <rPh sb="3" eb="4">
      <t>シ</t>
    </rPh>
    <rPh sb="4" eb="5">
      <t>タ</t>
    </rPh>
    <rPh sb="5" eb="9">
      <t>コウトウガッコウ</t>
    </rPh>
    <phoneticPr fontId="4"/>
  </si>
  <si>
    <t>公開授業、学校説明会、部活動見学を通して、本校の様子等をお伝えします。</t>
    <rPh sb="0" eb="4">
      <t>コウカイジュギョウ</t>
    </rPh>
    <rPh sb="5" eb="10">
      <t>ガッコウセツメイカイ</t>
    </rPh>
    <rPh sb="11" eb="14">
      <t>ブカツドウ</t>
    </rPh>
    <rPh sb="14" eb="16">
      <t>ケンガク</t>
    </rPh>
    <rPh sb="17" eb="18">
      <t>トオ</t>
    </rPh>
    <rPh sb="21" eb="23">
      <t>ホンコウ</t>
    </rPh>
    <rPh sb="24" eb="26">
      <t>ヨウス</t>
    </rPh>
    <rPh sb="26" eb="27">
      <t>トウ</t>
    </rPh>
    <rPh sb="29" eb="30">
      <t>ツタ</t>
    </rPh>
    <phoneticPr fontId="4"/>
  </si>
  <si>
    <t>神奈川県立伊志田高等学校</t>
    <rPh sb="0" eb="5">
      <t>カナガワケンリツ</t>
    </rPh>
    <rPh sb="5" eb="6">
      <t>イ</t>
    </rPh>
    <rPh sb="6" eb="7">
      <t>シ</t>
    </rPh>
    <rPh sb="7" eb="8">
      <t>タ</t>
    </rPh>
    <rPh sb="8" eb="12">
      <t>コウトウガッコウ</t>
    </rPh>
    <phoneticPr fontId="4"/>
  </si>
  <si>
    <t>小田急線愛甲石田駅より徒歩７分</t>
    <rPh sb="0" eb="4">
      <t>オダキュウセン</t>
    </rPh>
    <rPh sb="4" eb="8">
      <t>アイコウイシダ</t>
    </rPh>
    <rPh sb="8" eb="9">
      <t>エキ</t>
    </rPh>
    <rPh sb="11" eb="13">
      <t>トホ</t>
    </rPh>
    <rPh sb="14" eb="15">
      <t>フン</t>
    </rPh>
    <phoneticPr fontId="4"/>
  </si>
  <si>
    <t>神奈川県立伊志田高等学校</t>
    <phoneticPr fontId="4"/>
  </si>
  <si>
    <t>中学生とその保護者、伊志田高校保護者、近隣の方</t>
    <rPh sb="0" eb="3">
      <t>チュウガクセイ</t>
    </rPh>
    <rPh sb="6" eb="9">
      <t>ホゴシャ</t>
    </rPh>
    <rPh sb="10" eb="11">
      <t>イ</t>
    </rPh>
    <rPh sb="11" eb="12">
      <t>シ</t>
    </rPh>
    <rPh sb="12" eb="13">
      <t>タ</t>
    </rPh>
    <rPh sb="13" eb="15">
      <t>コウコウ</t>
    </rPh>
    <rPh sb="15" eb="18">
      <t>ホゴシャ</t>
    </rPh>
    <rPh sb="19" eb="21">
      <t>キンリン</t>
    </rPh>
    <rPh sb="22" eb="23">
      <t>カタ</t>
    </rPh>
    <phoneticPr fontId="4"/>
  </si>
  <si>
    <t>県立伊志田高等学校
研究開発グループ</t>
    <rPh sb="0" eb="2">
      <t>ケンリツ</t>
    </rPh>
    <rPh sb="2" eb="3">
      <t>イ</t>
    </rPh>
    <rPh sb="3" eb="4">
      <t>シ</t>
    </rPh>
    <rPh sb="4" eb="5">
      <t>タ</t>
    </rPh>
    <rPh sb="5" eb="9">
      <t>コウトウガッコウ</t>
    </rPh>
    <rPh sb="10" eb="12">
      <t>ケンキュウ</t>
    </rPh>
    <rPh sb="12" eb="14">
      <t>カイハツ</t>
    </rPh>
    <phoneticPr fontId="4"/>
  </si>
  <si>
    <t>https://www.pen-kanagawa.ed.jp/ishida-h/</t>
    <phoneticPr fontId="4"/>
  </si>
  <si>
    <t>海老名市</t>
  </si>
  <si>
    <t>有馬高等学校
学校説明会</t>
    <rPh sb="0" eb="2">
      <t>アリマ</t>
    </rPh>
    <rPh sb="2" eb="4">
      <t>コウトウ</t>
    </rPh>
    <rPh sb="4" eb="6">
      <t>ガッコウ</t>
    </rPh>
    <rPh sb="7" eb="9">
      <t>ガッコウ</t>
    </rPh>
    <rPh sb="9" eb="12">
      <t>セツメイカイ</t>
    </rPh>
    <phoneticPr fontId="4"/>
  </si>
  <si>
    <t>令和６年度入試受験生や中学生、またその保護者に向けて、有馬高校の特色や入試についての情報を提供します。</t>
    <rPh sb="0" eb="2">
      <t>レイワ</t>
    </rPh>
    <rPh sb="3" eb="5">
      <t>ネンド</t>
    </rPh>
    <rPh sb="5" eb="7">
      <t>ニュウシ</t>
    </rPh>
    <rPh sb="7" eb="10">
      <t>ジュケンセイ</t>
    </rPh>
    <rPh sb="11" eb="14">
      <t>チュウガクセイ</t>
    </rPh>
    <rPh sb="19" eb="22">
      <t>ホゴシャ</t>
    </rPh>
    <rPh sb="23" eb="24">
      <t>ム</t>
    </rPh>
    <rPh sb="27" eb="29">
      <t>アリマ</t>
    </rPh>
    <rPh sb="29" eb="31">
      <t>コウコウ</t>
    </rPh>
    <rPh sb="32" eb="34">
      <t>トクショク</t>
    </rPh>
    <rPh sb="35" eb="37">
      <t>ニュウシ</t>
    </rPh>
    <rPh sb="42" eb="44">
      <t>ジョウホウ</t>
    </rPh>
    <rPh sb="45" eb="47">
      <t>テイキョウ</t>
    </rPh>
    <phoneticPr fontId="4"/>
  </si>
  <si>
    <t>海老名市文化会館</t>
    <rPh sb="0" eb="3">
      <t>エビナ</t>
    </rPh>
    <rPh sb="3" eb="4">
      <t>シ</t>
    </rPh>
    <rPh sb="4" eb="6">
      <t>ブンカ</t>
    </rPh>
    <rPh sb="6" eb="8">
      <t>カイカン</t>
    </rPh>
    <phoneticPr fontId="4"/>
  </si>
  <si>
    <t>海老名駅</t>
    <rPh sb="0" eb="3">
      <t>エビナ</t>
    </rPh>
    <rPh sb="3" eb="4">
      <t>エキ</t>
    </rPh>
    <phoneticPr fontId="4"/>
  </si>
  <si>
    <t>有馬高等学校</t>
    <rPh sb="0" eb="2">
      <t>アリマ</t>
    </rPh>
    <rPh sb="2" eb="4">
      <t>コウトウ</t>
    </rPh>
    <rPh sb="4" eb="6">
      <t>ガッコウ</t>
    </rPh>
    <phoneticPr fontId="4"/>
  </si>
  <si>
    <t>有馬高校に関心のある人</t>
    <rPh sb="0" eb="2">
      <t>アリマ</t>
    </rPh>
    <rPh sb="2" eb="4">
      <t>コウコウ</t>
    </rPh>
    <rPh sb="5" eb="7">
      <t>カンシン</t>
    </rPh>
    <rPh sb="10" eb="11">
      <t>ヒト</t>
    </rPh>
    <phoneticPr fontId="4"/>
  </si>
  <si>
    <t>有馬高等学校
学校説明会担当</t>
    <rPh sb="0" eb="2">
      <t>アリマ</t>
    </rPh>
    <rPh sb="2" eb="4">
      <t>コウトウ</t>
    </rPh>
    <rPh sb="4" eb="6">
      <t>ガッコウ</t>
    </rPh>
    <rPh sb="7" eb="9">
      <t>ガッコウ</t>
    </rPh>
    <rPh sb="9" eb="12">
      <t>セツメイカイ</t>
    </rPh>
    <rPh sb="12" eb="14">
      <t>タントウ</t>
    </rPh>
    <phoneticPr fontId="4"/>
  </si>
  <si>
    <t>本校の教育目標やカリキュラム等を説明いたします。また、部活動や授業の様子を紹介いたします。</t>
    <rPh sb="0" eb="2">
      <t>ホンコウ</t>
    </rPh>
    <rPh sb="3" eb="7">
      <t>キョウイクモクヒョウ</t>
    </rPh>
    <rPh sb="14" eb="15">
      <t>トウ</t>
    </rPh>
    <rPh sb="16" eb="18">
      <t>セツメイ</t>
    </rPh>
    <rPh sb="27" eb="30">
      <t>ブカツドウ</t>
    </rPh>
    <rPh sb="31" eb="33">
      <t>ジュギョウ</t>
    </rPh>
    <rPh sb="34" eb="36">
      <t>ヨウス</t>
    </rPh>
    <rPh sb="37" eb="39">
      <t>ショウカイ</t>
    </rPh>
    <phoneticPr fontId="4"/>
  </si>
  <si>
    <t>海老名高等学校体育館</t>
    <rPh sb="0" eb="7">
      <t>エビナコウトウガッコウ</t>
    </rPh>
    <rPh sb="7" eb="10">
      <t>タイイクカン</t>
    </rPh>
    <phoneticPr fontId="4"/>
  </si>
  <si>
    <t>海老名駅・厚木駅</t>
    <rPh sb="0" eb="4">
      <t>エビナエキ</t>
    </rPh>
    <rPh sb="5" eb="8">
      <t>アツギエキ</t>
    </rPh>
    <phoneticPr fontId="4"/>
  </si>
  <si>
    <t>海老名高等学校</t>
    <phoneticPr fontId="4"/>
  </si>
  <si>
    <t>本校受検希望の中学３年生</t>
    <rPh sb="0" eb="2">
      <t>ホンコウ</t>
    </rPh>
    <rPh sb="2" eb="4">
      <t>ジュケン</t>
    </rPh>
    <rPh sb="4" eb="6">
      <t>キボウ</t>
    </rPh>
    <rPh sb="7" eb="9">
      <t>チュウガク</t>
    </rPh>
    <rPh sb="10" eb="12">
      <t>ネンセイ</t>
    </rPh>
    <phoneticPr fontId="4"/>
  </si>
  <si>
    <t>海老名高等学校広報グループ</t>
    <rPh sb="0" eb="7">
      <t>エビナコウトウガッコウ</t>
    </rPh>
    <rPh sb="7" eb="9">
      <t>コウホウ</t>
    </rPh>
    <phoneticPr fontId="4"/>
  </si>
  <si>
    <t>https://www.pen-kanagawa.ed.jp/ebina-h/</t>
    <phoneticPr fontId="4"/>
  </si>
  <si>
    <t>綾瀬市</t>
  </si>
  <si>
    <t>綾瀬高等学校オープンスクール</t>
  </si>
  <si>
    <t>綾瀬高校の授業や部活動などの見学を通して、県立高校の教育や本校の特色を実感してください。主体的に進路について考える機会になることを願っております。</t>
  </si>
  <si>
    <t>2023/10/21</t>
  </si>
  <si>
    <t>綾瀬高等学校</t>
    <phoneticPr fontId="4"/>
  </si>
  <si>
    <t>海老名駅/さがみ野駅/長後駅</t>
  </si>
  <si>
    <t>綾瀬高等学校
生徒会・広報グループ</t>
    <rPh sb="7" eb="10">
      <t>セイトカイ</t>
    </rPh>
    <rPh sb="11" eb="13">
      <t>コウホウ</t>
    </rPh>
    <phoneticPr fontId="4"/>
  </si>
  <si>
    <t>中学生及びその保護者</t>
  </si>
  <si>
    <t>寒川町</t>
  </si>
  <si>
    <t>令和６年度入学予定者に向けた説明会です。本校での学校生活や魅力をお伝えするとともに、入学者選抜についてもお話をします。</t>
    <rPh sb="0" eb="2">
      <t>レイワ</t>
    </rPh>
    <rPh sb="3" eb="5">
      <t>ネンド</t>
    </rPh>
    <rPh sb="5" eb="10">
      <t>ニュウガクヨテイシャ</t>
    </rPh>
    <rPh sb="11" eb="12">
      <t>ム</t>
    </rPh>
    <rPh sb="14" eb="17">
      <t>セツメイカイ</t>
    </rPh>
    <rPh sb="20" eb="22">
      <t>ホンコウ</t>
    </rPh>
    <rPh sb="24" eb="28">
      <t>ガッコウセイカツ</t>
    </rPh>
    <rPh sb="29" eb="31">
      <t>ミリョク</t>
    </rPh>
    <rPh sb="33" eb="34">
      <t>ツタ</t>
    </rPh>
    <rPh sb="42" eb="47">
      <t>ニュウガクシャセンバツ</t>
    </rPh>
    <rPh sb="53" eb="54">
      <t>ハナシ</t>
    </rPh>
    <phoneticPr fontId="4"/>
  </si>
  <si>
    <t>寒川町民センター</t>
    <rPh sb="0" eb="4">
      <t>サムカワチョウミン</t>
    </rPh>
    <phoneticPr fontId="4"/>
  </si>
  <si>
    <t>寒川駅</t>
    <rPh sb="0" eb="3">
      <t>サムカワエキ</t>
    </rPh>
    <phoneticPr fontId="4"/>
  </si>
  <si>
    <t>大磯町</t>
    <rPh sb="0" eb="3">
      <t>オオイソマチ</t>
    </rPh>
    <phoneticPr fontId="4"/>
  </si>
  <si>
    <t>第２回大磯高等学校学校説明会</t>
    <rPh sb="0" eb="1">
      <t>ダイ</t>
    </rPh>
    <rPh sb="2" eb="3">
      <t>カイ</t>
    </rPh>
    <rPh sb="3" eb="9">
      <t>オオイソコウトウガッコウ</t>
    </rPh>
    <rPh sb="9" eb="11">
      <t>ガッコウ</t>
    </rPh>
    <rPh sb="11" eb="14">
      <t>セツメイカイ</t>
    </rPh>
    <phoneticPr fontId="4"/>
  </si>
  <si>
    <t>大磯高等学校の特色や魅力を発信します。</t>
    <rPh sb="0" eb="6">
      <t>オオイソコウトウガッコウ</t>
    </rPh>
    <rPh sb="7" eb="9">
      <t>トクショク</t>
    </rPh>
    <rPh sb="10" eb="12">
      <t>ミリョク</t>
    </rPh>
    <rPh sb="13" eb="15">
      <t>ハッシン</t>
    </rPh>
    <phoneticPr fontId="4"/>
  </si>
  <si>
    <t>大磯高等学校体育館</t>
    <rPh sb="0" eb="6">
      <t>オオイソコウトウガッコウ</t>
    </rPh>
    <rPh sb="6" eb="9">
      <t>タイイクカン</t>
    </rPh>
    <phoneticPr fontId="4"/>
  </si>
  <si>
    <t>JR大磯駅</t>
    <rPh sb="2" eb="4">
      <t>オオイソ</t>
    </rPh>
    <rPh sb="4" eb="5">
      <t>エキ</t>
    </rPh>
    <phoneticPr fontId="4"/>
  </si>
  <si>
    <t>大磯高等学校
広報渉外グループ</t>
    <rPh sb="0" eb="6">
      <t>オオイソコウトウガッコウ</t>
    </rPh>
    <rPh sb="7" eb="11">
      <t>コウホウショウガイ</t>
    </rPh>
    <phoneticPr fontId="4"/>
  </si>
  <si>
    <t>中学３年生及びその保護者</t>
    <rPh sb="0" eb="2">
      <t>チュウガク</t>
    </rPh>
    <rPh sb="3" eb="5">
      <t>ネンセイ</t>
    </rPh>
    <rPh sb="5" eb="6">
      <t>オヨ</t>
    </rPh>
    <rPh sb="9" eb="12">
      <t>ホゴシャ</t>
    </rPh>
    <phoneticPr fontId="4"/>
  </si>
  <si>
    <t>要</t>
    <phoneticPr fontId="4"/>
  </si>
  <si>
    <t>https://www.pen-kanagawa.ed.jp/oiso-h/index.html</t>
    <phoneticPr fontId="4"/>
  </si>
  <si>
    <t>大磯高等学校部活動公開</t>
    <rPh sb="0" eb="6">
      <t>オオイソコウトウガッコウ</t>
    </rPh>
    <rPh sb="6" eb="9">
      <t>ブカツドウ</t>
    </rPh>
    <rPh sb="9" eb="11">
      <t>コウカイ</t>
    </rPh>
    <phoneticPr fontId="4"/>
  </si>
  <si>
    <t>大磯高等学校の部活動を実際に観てもらい、高校選びの参考にしてもらいます。</t>
    <rPh sb="0" eb="6">
      <t>オオイソコウトウガッコウ</t>
    </rPh>
    <rPh sb="7" eb="10">
      <t>ブカツドウ</t>
    </rPh>
    <rPh sb="11" eb="13">
      <t>ジッサイ</t>
    </rPh>
    <rPh sb="14" eb="15">
      <t>ミ</t>
    </rPh>
    <rPh sb="20" eb="23">
      <t>コウコウエラ</t>
    </rPh>
    <rPh sb="25" eb="27">
      <t>サンコウ</t>
    </rPh>
    <phoneticPr fontId="4"/>
  </si>
  <si>
    <t>2023/11/12</t>
  </si>
  <si>
    <t>大磯高等学校</t>
    <rPh sb="0" eb="6">
      <t>オオイソコウトウガッコウ</t>
    </rPh>
    <phoneticPr fontId="4"/>
  </si>
  <si>
    <t>二宮町</t>
  </si>
  <si>
    <t>第2回学校説明会</t>
    <rPh sb="0" eb="1">
      <t>ダイ</t>
    </rPh>
    <rPh sb="2" eb="3">
      <t>カイ</t>
    </rPh>
    <rPh sb="3" eb="5">
      <t>ガッコウ</t>
    </rPh>
    <rPh sb="5" eb="8">
      <t>セツメイカイ</t>
    </rPh>
    <phoneticPr fontId="4"/>
  </si>
  <si>
    <t>県内中学生を対象に本校の教育内容について説明会を行う。また希望者に部活動見学も行う。</t>
    <rPh sb="0" eb="2">
      <t>ケンナイ</t>
    </rPh>
    <rPh sb="2" eb="5">
      <t>チュウガクセイ</t>
    </rPh>
    <rPh sb="6" eb="8">
      <t>タイショウ</t>
    </rPh>
    <rPh sb="9" eb="11">
      <t>ホンコウ</t>
    </rPh>
    <rPh sb="12" eb="14">
      <t>キョウイク</t>
    </rPh>
    <rPh sb="14" eb="16">
      <t>ナイヨウ</t>
    </rPh>
    <rPh sb="20" eb="23">
      <t>セツメイカイ</t>
    </rPh>
    <rPh sb="24" eb="25">
      <t>オコナ</t>
    </rPh>
    <rPh sb="29" eb="32">
      <t>キボウシャ</t>
    </rPh>
    <rPh sb="33" eb="36">
      <t>ブカツドウ</t>
    </rPh>
    <rPh sb="36" eb="38">
      <t>ケンガク</t>
    </rPh>
    <rPh sb="39" eb="40">
      <t>オコナ</t>
    </rPh>
    <phoneticPr fontId="4"/>
  </si>
  <si>
    <t>二宮高等学校</t>
    <rPh sb="0" eb="6">
      <t>ニノミヤコウトウガッコウ</t>
    </rPh>
    <phoneticPr fontId="4"/>
  </si>
  <si>
    <t>神奈中バス二宮高校前</t>
    <rPh sb="0" eb="3">
      <t>カナチュウ</t>
    </rPh>
    <rPh sb="5" eb="9">
      <t>ニノミヤコウコウ</t>
    </rPh>
    <rPh sb="9" eb="10">
      <t>マエ</t>
    </rPh>
    <phoneticPr fontId="4"/>
  </si>
  <si>
    <t>第3回学校説明会</t>
    <rPh sb="0" eb="1">
      <t>ダイ</t>
    </rPh>
    <rPh sb="2" eb="3">
      <t>カイ</t>
    </rPh>
    <rPh sb="3" eb="5">
      <t>ガッコウ</t>
    </rPh>
    <rPh sb="5" eb="8">
      <t>セツメイカイ</t>
    </rPh>
    <phoneticPr fontId="4"/>
  </si>
  <si>
    <t>大井町</t>
  </si>
  <si>
    <t>大井高等学校
10月学校説明会</t>
    <rPh sb="0" eb="6">
      <t>オオイコウトウガッコウ</t>
    </rPh>
    <rPh sb="9" eb="10">
      <t>ガツ</t>
    </rPh>
    <rPh sb="10" eb="12">
      <t>ガッコウ</t>
    </rPh>
    <rPh sb="12" eb="15">
      <t>セツメイカイ</t>
    </rPh>
    <phoneticPr fontId="4"/>
  </si>
  <si>
    <t>本校への進学を考えている人の学校説明会、体験授業を行います。また、個別相談も行います。</t>
    <rPh sb="0" eb="2">
      <t>ホンコウ</t>
    </rPh>
    <rPh sb="4" eb="6">
      <t>シンガク</t>
    </rPh>
    <rPh sb="7" eb="8">
      <t>カンガ</t>
    </rPh>
    <rPh sb="12" eb="13">
      <t>ヒト</t>
    </rPh>
    <rPh sb="14" eb="16">
      <t>ガッコウ</t>
    </rPh>
    <rPh sb="16" eb="19">
      <t>セツメイカイ</t>
    </rPh>
    <rPh sb="20" eb="22">
      <t>タイケン</t>
    </rPh>
    <rPh sb="22" eb="24">
      <t>ジュギョウ</t>
    </rPh>
    <rPh sb="25" eb="26">
      <t>オコナ</t>
    </rPh>
    <rPh sb="33" eb="35">
      <t>コベツ</t>
    </rPh>
    <rPh sb="35" eb="37">
      <t>ソウダン</t>
    </rPh>
    <rPh sb="38" eb="39">
      <t>オコナ</t>
    </rPh>
    <phoneticPr fontId="4"/>
  </si>
  <si>
    <t>大井高等学校</t>
    <rPh sb="0" eb="6">
      <t>オオイコウトウガッコウ</t>
    </rPh>
    <phoneticPr fontId="4"/>
  </si>
  <si>
    <t>開成駅
栢山駅
上大井駅</t>
    <rPh sb="0" eb="3">
      <t>カイセイエキ</t>
    </rPh>
    <rPh sb="4" eb="7">
      <t>カヤマエキ</t>
    </rPh>
    <rPh sb="8" eb="9">
      <t>ウエ</t>
    </rPh>
    <rPh sb="9" eb="12">
      <t>オオイエキ</t>
    </rPh>
    <phoneticPr fontId="4"/>
  </si>
  <si>
    <t>大井高等学校
広報グループ</t>
    <rPh sb="0" eb="6">
      <t>オオイコウトウガッコウ</t>
    </rPh>
    <rPh sb="7" eb="9">
      <t>コウホウ</t>
    </rPh>
    <phoneticPr fontId="4"/>
  </si>
  <si>
    <t>本校への進学を考えている人</t>
    <rPh sb="0" eb="2">
      <t>ホンコウ</t>
    </rPh>
    <rPh sb="4" eb="6">
      <t>シンガク</t>
    </rPh>
    <rPh sb="7" eb="8">
      <t>カンガ</t>
    </rPh>
    <rPh sb="12" eb="13">
      <t>ヒト</t>
    </rPh>
    <phoneticPr fontId="4"/>
  </si>
  <si>
    <t>https://www.pen-kanagawa.ed.jp/oi-h/</t>
    <phoneticPr fontId="4"/>
  </si>
  <si>
    <t>愛川町</t>
  </si>
  <si>
    <t>中学生受検希望者に向けた、本校の教育活動の様子について説明していきます。</t>
    <rPh sb="0" eb="3">
      <t>チュウガクセイ</t>
    </rPh>
    <rPh sb="3" eb="5">
      <t>ジュケン</t>
    </rPh>
    <rPh sb="5" eb="8">
      <t>キボウシャ</t>
    </rPh>
    <rPh sb="9" eb="10">
      <t>ム</t>
    </rPh>
    <rPh sb="13" eb="15">
      <t>ホンコウ</t>
    </rPh>
    <rPh sb="16" eb="18">
      <t>キョウイク</t>
    </rPh>
    <rPh sb="18" eb="20">
      <t>カツドウ</t>
    </rPh>
    <rPh sb="21" eb="23">
      <t>ヨウス</t>
    </rPh>
    <rPh sb="27" eb="29">
      <t>セツメイ</t>
    </rPh>
    <phoneticPr fontId="4"/>
  </si>
  <si>
    <t>2023/09/23</t>
    <phoneticPr fontId="4"/>
  </si>
  <si>
    <t>2023/09/23</t>
  </si>
  <si>
    <t>愛川高校</t>
    <rPh sb="0" eb="2">
      <t>アイカワ</t>
    </rPh>
    <rPh sb="2" eb="4">
      <t>コウコウ</t>
    </rPh>
    <phoneticPr fontId="4"/>
  </si>
  <si>
    <t>本厚木駅愛川バスセンター下車</t>
    <rPh sb="0" eb="4">
      <t>ホンアツギエキ</t>
    </rPh>
    <rPh sb="4" eb="6">
      <t>アイカワ</t>
    </rPh>
    <rPh sb="12" eb="14">
      <t>ゲシャ</t>
    </rPh>
    <phoneticPr fontId="4"/>
  </si>
  <si>
    <t>愛川高等学校</t>
    <rPh sb="0" eb="2">
      <t>アイカワ</t>
    </rPh>
    <rPh sb="2" eb="4">
      <t>コウトウ</t>
    </rPh>
    <rPh sb="4" eb="6">
      <t>ガッコウ</t>
    </rPh>
    <phoneticPr fontId="4"/>
  </si>
  <si>
    <t>https://www.pen-kanagawa.ed.jp/aikawa-h/</t>
    <phoneticPr fontId="4"/>
  </si>
  <si>
    <t>中高大連携「あっ！その手があったかものづくり」講座</t>
    <rPh sb="0" eb="2">
      <t>チュウコウ</t>
    </rPh>
    <rPh sb="2" eb="3">
      <t>ダイ</t>
    </rPh>
    <rPh sb="3" eb="5">
      <t>レンケイ</t>
    </rPh>
    <rPh sb="11" eb="12">
      <t>テ</t>
    </rPh>
    <rPh sb="23" eb="25">
      <t>コウザ</t>
    </rPh>
    <phoneticPr fontId="4"/>
  </si>
  <si>
    <t>④科学技術・学術</t>
  </si>
  <si>
    <t>地域の中高生に大学の研究等に触れる機会を設け、生涯学習の一助とする。</t>
    <rPh sb="0" eb="2">
      <t>チイキ</t>
    </rPh>
    <rPh sb="3" eb="6">
      <t>チュウコウセイ</t>
    </rPh>
    <rPh sb="7" eb="9">
      <t>ダイガク</t>
    </rPh>
    <rPh sb="10" eb="12">
      <t>ケンキュウ</t>
    </rPh>
    <rPh sb="12" eb="13">
      <t>トウ</t>
    </rPh>
    <rPh sb="14" eb="15">
      <t>フ</t>
    </rPh>
    <rPh sb="17" eb="19">
      <t>キカイ</t>
    </rPh>
    <rPh sb="20" eb="21">
      <t>モウ</t>
    </rPh>
    <rPh sb="23" eb="25">
      <t>ショウガイ</t>
    </rPh>
    <rPh sb="25" eb="27">
      <t>ガクシュウ</t>
    </rPh>
    <rPh sb="28" eb="30">
      <t>イチジョ</t>
    </rPh>
    <phoneticPr fontId="4"/>
  </si>
  <si>
    <t>東京農業大学</t>
    <rPh sb="0" eb="2">
      <t>トウキョウ</t>
    </rPh>
    <rPh sb="2" eb="4">
      <t>ノウギョウ</t>
    </rPh>
    <rPh sb="4" eb="6">
      <t>ダイガク</t>
    </rPh>
    <phoneticPr fontId="4"/>
  </si>
  <si>
    <t>本厚木駅　東京農業大学下車</t>
    <rPh sb="0" eb="4">
      <t>ホンアツギエキ</t>
    </rPh>
    <rPh sb="5" eb="11">
      <t>トウキョウノウギョウダイガク</t>
    </rPh>
    <rPh sb="11" eb="13">
      <t>ゲシャ</t>
    </rPh>
    <phoneticPr fontId="4"/>
  </si>
  <si>
    <t>愛川高校と愛川町立中学校生</t>
    <rPh sb="0" eb="2">
      <t>アイカワ</t>
    </rPh>
    <rPh sb="2" eb="4">
      <t>コウコウ</t>
    </rPh>
    <rPh sb="5" eb="8">
      <t>アイカワマチ</t>
    </rPh>
    <rPh sb="8" eb="9">
      <t>リツ</t>
    </rPh>
    <rPh sb="9" eb="12">
      <t>チュウガッコウ</t>
    </rPh>
    <rPh sb="12" eb="13">
      <t>セイ</t>
    </rPh>
    <phoneticPr fontId="4"/>
  </si>
  <si>
    <t>中高連携「愛川の歴史と自然を学ぶ」講座</t>
    <rPh sb="0" eb="2">
      <t>チュウコウ</t>
    </rPh>
    <rPh sb="2" eb="4">
      <t>レンケイ</t>
    </rPh>
    <rPh sb="5" eb="7">
      <t>アイカワ</t>
    </rPh>
    <rPh sb="8" eb="10">
      <t>レキシ</t>
    </rPh>
    <rPh sb="11" eb="13">
      <t>シゼン</t>
    </rPh>
    <rPh sb="14" eb="15">
      <t>マナ</t>
    </rPh>
    <rPh sb="17" eb="19">
      <t>コウザ</t>
    </rPh>
    <phoneticPr fontId="4"/>
  </si>
  <si>
    <t>中高生に地域の歴史や自然に触れる機会を設け、生涯学習の一助とする。</t>
    <rPh sb="0" eb="3">
      <t>チュウコウセイ</t>
    </rPh>
    <rPh sb="4" eb="6">
      <t>チイキ</t>
    </rPh>
    <rPh sb="7" eb="9">
      <t>レキシ</t>
    </rPh>
    <rPh sb="10" eb="12">
      <t>シゼン</t>
    </rPh>
    <rPh sb="13" eb="14">
      <t>フ</t>
    </rPh>
    <rPh sb="16" eb="18">
      <t>キカイ</t>
    </rPh>
    <rPh sb="19" eb="20">
      <t>モウ</t>
    </rPh>
    <rPh sb="22" eb="24">
      <t>ショウガイ</t>
    </rPh>
    <rPh sb="24" eb="26">
      <t>ガクシュウ</t>
    </rPh>
    <rPh sb="27" eb="29">
      <t>イチジョ</t>
    </rPh>
    <phoneticPr fontId="4"/>
  </si>
  <si>
    <t>愛川郷土資料館</t>
    <rPh sb="0" eb="2">
      <t>アイカワ</t>
    </rPh>
    <rPh sb="2" eb="4">
      <t>キョウド</t>
    </rPh>
    <rPh sb="4" eb="7">
      <t>シリョウカン</t>
    </rPh>
    <phoneticPr fontId="4"/>
  </si>
  <si>
    <t>愛川大橋（バス停）下車</t>
    <rPh sb="0" eb="4">
      <t>アイカワオオハシ</t>
    </rPh>
    <rPh sb="7" eb="8">
      <t>テイ</t>
    </rPh>
    <rPh sb="9" eb="11">
      <t>ゲシャ</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m/d;@"/>
  </numFmts>
  <fonts count="11" x14ac:knownFonts="1">
    <font>
      <sz val="12"/>
      <color theme="1"/>
      <name val="ＭＳ 明朝"/>
      <family val="2"/>
      <charset val="128"/>
    </font>
    <font>
      <sz val="11"/>
      <color theme="1"/>
      <name val="游ゴシック"/>
      <family val="3"/>
      <charset val="128"/>
      <scheme val="minor"/>
    </font>
    <font>
      <sz val="22"/>
      <color theme="1"/>
      <name val="游ゴシック"/>
      <family val="3"/>
      <charset val="128"/>
      <scheme val="minor"/>
    </font>
    <font>
      <sz val="6"/>
      <name val="ＭＳ 明朝"/>
      <family val="2"/>
      <charset val="128"/>
    </font>
    <font>
      <sz val="6"/>
      <name val="ＭＳ Ｐゴシック"/>
      <family val="3"/>
      <charset val="128"/>
    </font>
    <font>
      <b/>
      <sz val="11"/>
      <name val="ＭＳ Ｐゴシック"/>
      <family val="3"/>
      <charset val="128"/>
    </font>
    <font>
      <sz val="11"/>
      <color indexed="12"/>
      <name val="ＭＳ Ｐゴシック"/>
      <family val="3"/>
      <charset val="128"/>
    </font>
    <font>
      <sz val="11"/>
      <name val="游ゴシック"/>
      <family val="3"/>
      <charset val="128"/>
      <scheme val="minor"/>
    </font>
    <font>
      <u/>
      <sz val="14"/>
      <color indexed="12"/>
      <name val="メイリオ"/>
      <family val="3"/>
      <charset val="128"/>
    </font>
    <font>
      <u/>
      <sz val="11"/>
      <color indexed="12"/>
      <name val="ＭＳ Ｐゴシック"/>
      <family val="3"/>
      <charset val="128"/>
    </font>
    <font>
      <sz val="11"/>
      <color theme="1"/>
      <name val="ＭＳ Ｐ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4" tint="0.79998168889431442"/>
        <bgColor indexed="64"/>
      </patternFill>
    </fill>
  </fills>
  <borders count="5">
    <border>
      <left/>
      <right/>
      <top/>
      <bottom/>
      <diagonal/>
    </border>
    <border>
      <left/>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s>
  <cellStyleXfs count="3">
    <xf numFmtId="0" fontId="0" fillId="0" borderId="0">
      <alignment vertical="center"/>
    </xf>
    <xf numFmtId="0" fontId="1" fillId="0" borderId="0">
      <alignment vertical="center"/>
    </xf>
    <xf numFmtId="0" fontId="8" fillId="0" borderId="0" applyNumberFormat="0" applyFill="0" applyBorder="0" applyAlignment="0" applyProtection="0">
      <alignment vertical="top"/>
      <protection locked="0"/>
    </xf>
  </cellStyleXfs>
  <cellXfs count="29">
    <xf numFmtId="0" fontId="0" fillId="0" borderId="0" xfId="0">
      <alignment vertical="center"/>
    </xf>
    <xf numFmtId="0" fontId="2" fillId="0" borderId="1" xfId="1" applyFont="1" applyBorder="1" applyAlignment="1" applyProtection="1">
      <alignment horizontal="center" vertical="center" wrapText="1"/>
    </xf>
    <xf numFmtId="0" fontId="1" fillId="0" borderId="0" xfId="1" applyProtection="1">
      <alignment vertical="center"/>
    </xf>
    <xf numFmtId="49" fontId="5" fillId="2" borderId="2" xfId="1" applyNumberFormat="1" applyFont="1" applyFill="1" applyBorder="1" applyAlignment="1" applyProtection="1">
      <alignment vertical="center" wrapText="1"/>
    </xf>
    <xf numFmtId="0" fontId="5" fillId="2" borderId="2" xfId="1" applyFont="1" applyFill="1" applyBorder="1" applyAlignment="1" applyProtection="1">
      <alignment vertical="center" wrapText="1"/>
    </xf>
    <xf numFmtId="0" fontId="6" fillId="3" borderId="2" xfId="1" applyFont="1" applyFill="1" applyBorder="1" applyAlignment="1" applyProtection="1">
      <alignment vertical="center" wrapText="1"/>
      <protection locked="0"/>
    </xf>
    <xf numFmtId="0" fontId="7" fillId="0" borderId="0" xfId="1" applyFont="1" applyAlignment="1" applyProtection="1">
      <alignment vertical="center" wrapText="1"/>
    </xf>
    <xf numFmtId="0" fontId="1" fillId="0" borderId="3" xfId="1" applyFont="1" applyFill="1" applyBorder="1" applyAlignment="1" applyProtection="1">
      <alignment vertical="center" wrapText="1"/>
    </xf>
    <xf numFmtId="49" fontId="1" fillId="0" borderId="4" xfId="1" applyNumberFormat="1" applyFont="1" applyFill="1" applyBorder="1" applyAlignment="1" applyProtection="1">
      <alignment vertical="center" wrapText="1"/>
    </xf>
    <xf numFmtId="49" fontId="1" fillId="0" borderId="3" xfId="1" applyNumberFormat="1" applyFont="1" applyFill="1" applyBorder="1" applyAlignment="1" applyProtection="1">
      <alignment horizontal="left" vertical="center" shrinkToFit="1"/>
    </xf>
    <xf numFmtId="0" fontId="1" fillId="0" borderId="3" xfId="1" applyFont="1" applyFill="1" applyBorder="1" applyAlignment="1" applyProtection="1">
      <alignment horizontal="center" vertical="center" wrapText="1"/>
    </xf>
    <xf numFmtId="49" fontId="1" fillId="0" borderId="3" xfId="1" applyNumberFormat="1" applyFont="1" applyFill="1" applyBorder="1" applyAlignment="1" applyProtection="1">
      <alignment horizontal="center" vertical="center" wrapText="1"/>
    </xf>
    <xf numFmtId="49" fontId="9" fillId="0" borderId="4" xfId="2" applyNumberFormat="1" applyFont="1" applyFill="1" applyBorder="1" applyAlignment="1" applyProtection="1">
      <alignment vertical="center" wrapText="1"/>
    </xf>
    <xf numFmtId="0" fontId="1" fillId="0" borderId="0" xfId="1" applyFont="1" applyAlignment="1" applyProtection="1">
      <alignment vertical="center" wrapText="1"/>
    </xf>
    <xf numFmtId="0" fontId="1" fillId="0" borderId="3" xfId="1" applyFont="1" applyFill="1" applyBorder="1" applyAlignment="1" applyProtection="1">
      <alignment vertical="center" wrapText="1"/>
      <protection locked="0"/>
    </xf>
    <xf numFmtId="49" fontId="1" fillId="0" borderId="3" xfId="1" applyNumberFormat="1" applyFont="1" applyFill="1" applyBorder="1" applyAlignment="1" applyProtection="1">
      <alignment horizontal="left" vertical="center" wrapText="1" shrinkToFit="1"/>
    </xf>
    <xf numFmtId="0" fontId="1" fillId="0" borderId="3" xfId="1" applyFont="1" applyFill="1" applyBorder="1" applyAlignment="1">
      <alignment vertical="center" wrapText="1"/>
    </xf>
    <xf numFmtId="49" fontId="1" fillId="0" borderId="4" xfId="1" applyNumberFormat="1" applyFont="1" applyFill="1" applyBorder="1" applyAlignment="1">
      <alignment vertical="center" wrapText="1"/>
    </xf>
    <xf numFmtId="49" fontId="1" fillId="0" borderId="3" xfId="1" applyNumberFormat="1" applyFont="1" applyFill="1" applyBorder="1" applyAlignment="1">
      <alignment horizontal="left" vertical="center" shrinkToFit="1"/>
    </xf>
    <xf numFmtId="0" fontId="1" fillId="0" borderId="3" xfId="1" applyFont="1" applyFill="1" applyBorder="1" applyAlignment="1">
      <alignment horizontal="center" vertical="center" wrapText="1"/>
    </xf>
    <xf numFmtId="49" fontId="1" fillId="0" borderId="3" xfId="1" applyNumberFormat="1" applyFont="1" applyFill="1" applyBorder="1" applyAlignment="1">
      <alignment horizontal="center" vertical="center" wrapText="1"/>
    </xf>
    <xf numFmtId="49" fontId="1" fillId="0" borderId="4" xfId="1" applyNumberFormat="1" applyFont="1" applyFill="1" applyBorder="1" applyAlignment="1" applyProtection="1">
      <alignment horizontal="left" vertical="center" shrinkToFit="1"/>
    </xf>
    <xf numFmtId="0" fontId="7" fillId="0" borderId="3" xfId="1" applyFont="1" applyFill="1" applyBorder="1" applyAlignment="1">
      <alignment vertical="center" wrapText="1"/>
    </xf>
    <xf numFmtId="0" fontId="7" fillId="0" borderId="3" xfId="1" applyFont="1" applyFill="1" applyBorder="1" applyAlignment="1" applyProtection="1">
      <alignment vertical="center" wrapText="1"/>
    </xf>
    <xf numFmtId="176" fontId="1" fillId="0" borderId="3" xfId="1" applyNumberFormat="1" applyFont="1" applyFill="1" applyBorder="1" applyAlignment="1" applyProtection="1">
      <alignment horizontal="left" vertical="center" shrinkToFit="1"/>
    </xf>
    <xf numFmtId="0" fontId="7" fillId="0" borderId="3" xfId="1" applyFont="1" applyFill="1" applyBorder="1" applyAlignment="1" applyProtection="1">
      <alignment vertical="center" wrapText="1"/>
      <protection locked="0"/>
    </xf>
    <xf numFmtId="49" fontId="1" fillId="0" borderId="3" xfId="1" applyNumberFormat="1" applyFont="1" applyFill="1" applyBorder="1" applyAlignment="1">
      <alignment horizontal="left" vertical="center" wrapText="1" shrinkToFit="1"/>
    </xf>
    <xf numFmtId="49" fontId="1" fillId="0" borderId="0" xfId="1" applyNumberFormat="1" applyAlignment="1" applyProtection="1">
      <alignment vertical="center"/>
    </xf>
    <xf numFmtId="0" fontId="10" fillId="0" borderId="0" xfId="1" applyFont="1" applyAlignment="1" applyProtection="1">
      <alignment vertical="center" wrapText="1"/>
    </xf>
  </cellXfs>
  <cellStyles count="3">
    <cellStyle name="ハイパーリンク" xfId="2" builtinId="8"/>
    <cellStyle name="標準" xfId="0" builtinId="0"/>
    <cellStyle name="標準 3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5.xml"/><Relationship Id="rId21" Type="http://schemas.openxmlformats.org/officeDocument/2006/relationships/externalLink" Target="externalLinks/externalLink20.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63" Type="http://schemas.openxmlformats.org/officeDocument/2006/relationships/externalLink" Target="externalLinks/externalLink62.xml"/><Relationship Id="rId68" Type="http://schemas.openxmlformats.org/officeDocument/2006/relationships/externalLink" Target="externalLinks/externalLink67.xml"/><Relationship Id="rId16" Type="http://schemas.openxmlformats.org/officeDocument/2006/relationships/externalLink" Target="externalLinks/externalLink1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externalLink" Target="externalLinks/externalLink65.xml"/><Relationship Id="rId74" Type="http://schemas.openxmlformats.org/officeDocument/2006/relationships/externalLink" Target="externalLinks/externalLink73.xml"/><Relationship Id="rId5" Type="http://schemas.openxmlformats.org/officeDocument/2006/relationships/externalLink" Target="externalLinks/externalLink4.xml"/><Relationship Id="rId61" Type="http://schemas.openxmlformats.org/officeDocument/2006/relationships/externalLink" Target="externalLinks/externalLink60.xml"/><Relationship Id="rId19" Type="http://schemas.openxmlformats.org/officeDocument/2006/relationships/externalLink" Target="externalLinks/externalLink1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externalLink" Target="externalLinks/externalLink63.xml"/><Relationship Id="rId69" Type="http://schemas.openxmlformats.org/officeDocument/2006/relationships/externalLink" Target="externalLinks/externalLink68.xml"/><Relationship Id="rId77" Type="http://schemas.openxmlformats.org/officeDocument/2006/relationships/sharedStrings" Target="sharedStrings.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externalLink" Target="externalLinks/externalLink71.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externalLink" Target="externalLinks/externalLink66.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externalLink" Target="externalLinks/externalLink69.xml"/><Relationship Id="rId75"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10" Type="http://schemas.openxmlformats.org/officeDocument/2006/relationships/externalLink" Target="externalLinks/externalLink9.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73" Type="http://schemas.openxmlformats.org/officeDocument/2006/relationships/externalLink" Target="externalLinks/externalLink72.xml"/><Relationship Id="rId78" Type="http://schemas.openxmlformats.org/officeDocument/2006/relationships/calcChain" Target="calcChain.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9" Type="http://schemas.openxmlformats.org/officeDocument/2006/relationships/externalLink" Target="externalLinks/externalLink38.xml"/><Relationship Id="rId34" Type="http://schemas.openxmlformats.org/officeDocument/2006/relationships/externalLink" Target="externalLinks/externalLink33.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76" Type="http://schemas.openxmlformats.org/officeDocument/2006/relationships/styles" Target="styles.xml"/><Relationship Id="rId7" Type="http://schemas.openxmlformats.org/officeDocument/2006/relationships/externalLink" Target="externalLinks/externalLink6.xml"/><Relationship Id="rId71" Type="http://schemas.openxmlformats.org/officeDocument/2006/relationships/externalLink" Target="externalLinks/externalLink70.xml"/><Relationship Id="rId2" Type="http://schemas.openxmlformats.org/officeDocument/2006/relationships/externalLink" Target="externalLinks/externalLink1.xml"/><Relationship Id="rId29" Type="http://schemas.openxmlformats.org/officeDocument/2006/relationships/externalLink" Target="externalLinks/externalLink2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7&#23567;&#30000;&#21407;&#22478;&#21271;&#24037;&#26989;&#65289;.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59&#20108;&#23470;&#6528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58&#22823;&#30959;&#39640;&#26657;&#6528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55&#32190;&#28716;&#6528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50&#26377;&#39340;&#65289;.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49&#28023;&#32769;&#21517;&#6528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47&#20234;&#24535;&#30000;&#65289;.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45&#22823;&#21644;&#35199;&#65289;.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44&#22823;&#21644;&#26481;&#65289;.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43&#22823;&#21644;&#21335;&#65289;.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39&#21402;&#26408;&#21271;&#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4&#31070;&#22856;&#24029;&#24037;&#26989;&#65289;.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38&#21402;&#26408;&#21830;&#26989;&#65289;.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35&#31206;&#37326;&#26365;&#23627;&#65289;.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34&#31206;&#37326;&#32207;&#21512;&#65289;.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32&#31206;&#37326;&#65289;.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29&#30456;&#27169;&#30000;&#21517;&#65289;.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26&#30456;&#27169;&#21407;&#24357;&#26628;&#65289;.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22&#27211;&#26412;&#65289;.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20&#19978;&#28317;&#21335;&#65289;.XLSX"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19&#40635;&#28317;&#21488;&#65289;.XLSX"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17&#30456;&#27169;&#21407;&#6528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S20&#27941;&#20037;&#20117;&#25903;&#25588;&#65289;.XLSX"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16&#31070;&#22856;&#24029;&#32207;&#21512;&#29987;&#26989;&#65289;.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13&#36887;&#23376;&#33865;&#23665;&#65289;.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11&#33541;&#12465;&#23822;&#35199;&#27996;&#65289;.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9&#33541;&#12465;&#23822;&#21271;&#38517;&#65289;.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6&#35199;&#28248;&#65289;.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3&#23567;&#30000;&#21407;&#65289;.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1&#34276;&#27810;&#32207;&#21512;&#39640;&#26657;&#65289;.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00&#34276;&#27810;&#28165;&#27969;&#65289;.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94&#28145;&#27810;&#65289;.XLSX"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84&#39640;&#27996;&#65289;.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S13&#34276;&#27810;&#25903;&#25588;&#65289;.XLSX"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83&#24179;&#22618;&#24037;&#31185;&#65289;.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82&#24179;&#22618;&#36786;&#21830;&#65289;.XLSX"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81&#24179;&#64016;&#27743;&#21335;&#65289;.XLSX"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73&#27178;&#38920;&#36032;&#22823;&#27941;&#65289;.XLSX"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72&#27178;&#38920;&#36032;&#65289;.XLSX"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71&#40635;&#29983;&#65289;.XLSX"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70&#40635;&#29983;&#32207;&#21512;&#65289;.XLSX"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64&#21521;&#12398;&#23713;&#24037;&#26989;&#65289;.XLSX"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61&#20303;&#21513;&#65289;.XLSX"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59&#24029;&#23822;&#24037;&#31185;&#6528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B&#24179;&#22618;&#30450;&#65289;.XLSX"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56&#24029;&#23822;&#65289;.XLSX"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47&#26575;&#38525;&#65289;.XLSX"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46&#19978;&#30690;&#37096;&#65289;.XLSX"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45&#27178;&#27996;&#26716;&#38525;&#65289;.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41&#24029;&#21644;&#65289;.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39&#30000;&#22856;&#65289;.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38&#24066;&#12465;&#23614;&#65289;.XLSX"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37&#30333;&#23665;&#65289;.XLSX"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33&#28207;&#21271;&#65289;.XLSX"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32&#37340;&#21033;&#35895;&#65289;.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A02&#24179;&#22618;&#20013;&#31561;&#25945;&#32946;&#65289;.XLSX"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22&#20108;&#20451;&#24029;&#30475;&#35703;&#31119;&#31049;&#65289;.XLSX"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21&#24076;&#26395;&#12465;&#19992;&#65289;.XLSX"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20&#20445;&#22303;&#12465;&#35895;&#65289;.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18&#20809;&#38517;&#65289;.XLSX"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17&#27704;&#35895;&#65289;.XLSX"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15&#27178;&#27996;&#26126;&#26379;&#65289;.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10&#27178;&#27996;&#31435;&#37326;&#65289;.XLSX"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9&#27178;&#27996;&#32209;&#12465;&#19992;&#65289;.XLSX"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6&#27178;&#27996;&#32736;&#23888;&#65289;.XLSX"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5&#31070;&#22856;&#24029;&#32207;&#21512;&#65289;.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65&#30456;&#27169;&#21407;&#22478;&#23665;&#65289;.XLSX"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W:\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4&#31070;&#22856;&#24029;&#24037;&#26989;%20&#23450;&#26178;&#21046;&#65289;.XLSX"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003&#40372;&#35211;&#32207;&#21512;&#65289;.XLSX"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S21&#40635;&#29983;&#25903;&#25588;&#65289;.XLSX"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S24&#30456;&#27169;&#21407;&#20013;&#22830;&#25903;&#25588;&#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64&#24859;&#24029;&#65289;.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3_&#30476;&#31435;&#23398;&#26657;/03_&#12304;&#27096;&#24335;&#12305;&#35519;&#26619;&#31080;&#65288;160&#22823;&#20117;&#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s>
    <sheetDataSet>
      <sheetData sheetId="0"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 val="調査票"/>
      <sheetName val="回答要領"/>
    </sheetNames>
    <sheetDataSet>
      <sheetData sheetId="0"/>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pen-kanagawa.ed.jp/kawawa-h/" TargetMode="External"/><Relationship Id="rId18" Type="http://schemas.openxmlformats.org/officeDocument/2006/relationships/hyperlink" Target="https://www.pen-kanagawa.ed.jp/asaosogo-ih/" TargetMode="External"/><Relationship Id="rId26" Type="http://schemas.openxmlformats.org/officeDocument/2006/relationships/hyperlink" Target="https://www.pen-kanagawa.ed.jp/takahama-h/zennichi/" TargetMode="External"/><Relationship Id="rId39" Type="http://schemas.openxmlformats.org/officeDocument/2006/relationships/hyperlink" Target="http://www.pen-kanagawa.ed.jp/hadanosogo-ih/" TargetMode="External"/><Relationship Id="rId21" Type="http://schemas.openxmlformats.org/officeDocument/2006/relationships/hyperlink" Target="https://www.pen-kanagawa.ed.jp/yokosuka-h/zennichi/nyugaku/index.html" TargetMode="External"/><Relationship Id="rId34" Type="http://schemas.openxmlformats.org/officeDocument/2006/relationships/hyperlink" Target="http://www.pen-kanagawa.ed.jp/asamizodai-h/" TargetMode="External"/><Relationship Id="rId42" Type="http://schemas.openxmlformats.org/officeDocument/2006/relationships/hyperlink" Target="https://www.pen-kanagawa.ed.jp/yamatonishi-h/nyugaku/kenngaku.html" TargetMode="External"/><Relationship Id="rId47" Type="http://schemas.openxmlformats.org/officeDocument/2006/relationships/hyperlink" Target="https://www.pen-kanagawa.ed.jp/oi-h/" TargetMode="External"/><Relationship Id="rId50" Type="http://schemas.openxmlformats.org/officeDocument/2006/relationships/hyperlink" Target="https://www.pen-kanagawa.ed.jp/kamimizominami-h/" TargetMode="External"/><Relationship Id="rId7" Type="http://schemas.openxmlformats.org/officeDocument/2006/relationships/hyperlink" Target="https://www.pen-kanagawa.ed.jp/hodogaya-h/" TargetMode="External"/><Relationship Id="rId2" Type="http://schemas.openxmlformats.org/officeDocument/2006/relationships/hyperlink" Target="https://www.pen-kanagawa.ed.jp/kanagawa-th/teiji/index.html" TargetMode="External"/><Relationship Id="rId16" Type="http://schemas.openxmlformats.org/officeDocument/2006/relationships/hyperlink" Target="https://www.pen-kanagawa.ed.jp/hakuyo-h/nyugaku/briefing2022.html" TargetMode="External"/><Relationship Id="rId29" Type="http://schemas.openxmlformats.org/officeDocument/2006/relationships/hyperlink" Target="https://www.pen-kanagawa.ed.jp/odawarajohoku-th/index.html" TargetMode="External"/><Relationship Id="rId11" Type="http://schemas.openxmlformats.org/officeDocument/2006/relationships/hyperlink" Target="https://www.pen-kanagawa.ed.jp/hakusan-h/" TargetMode="External"/><Relationship Id="rId24" Type="http://schemas.openxmlformats.org/officeDocument/2006/relationships/hyperlink" Target="https://www.e-sply.jp/" TargetMode="External"/><Relationship Id="rId32" Type="http://schemas.openxmlformats.org/officeDocument/2006/relationships/hyperlink" Target="https://www.pen-kanagawa.ed.jp/sagamihara-h/" TargetMode="External"/><Relationship Id="rId37" Type="http://schemas.openxmlformats.org/officeDocument/2006/relationships/hyperlink" Target="https://www.pen-kanagawa.ed.jp/hadano-h/" TargetMode="External"/><Relationship Id="rId40" Type="http://schemas.openxmlformats.org/officeDocument/2006/relationships/hyperlink" Target="https://www.pen-kanagawa.ed.jp/hadanosoya-h/" TargetMode="External"/><Relationship Id="rId45" Type="http://schemas.openxmlformats.org/officeDocument/2006/relationships/hyperlink" Target="https://www.pen-kanagawa.ed.jp/oiso-h/index.html" TargetMode="External"/><Relationship Id="rId53" Type="http://schemas.openxmlformats.org/officeDocument/2006/relationships/printerSettings" Target="../printerSettings/printerSettings1.bin"/><Relationship Id="rId5" Type="http://schemas.openxmlformats.org/officeDocument/2006/relationships/hyperlink" Target="https://www.y-tateno-h.pen-kanagawa.ed.jp/" TargetMode="External"/><Relationship Id="rId10" Type="http://schemas.openxmlformats.org/officeDocument/2006/relationships/hyperlink" Target="https://www.pen-kanagawa.ed.jp/kohoku-h/gakkoukenngaku.html" TargetMode="External"/><Relationship Id="rId19" Type="http://schemas.openxmlformats.org/officeDocument/2006/relationships/hyperlink" Target="https://www.pen-kanagawa.ed.jp/asao-h/nyugaku/nyuugaku_gakkousetumeika.html" TargetMode="External"/><Relationship Id="rId31" Type="http://schemas.openxmlformats.org/officeDocument/2006/relationships/hyperlink" Target="https://www.pen-kanagawa.ed.jp/kanagawasogosangyo-h/zennichi/nyugaku/setsumeikai.html" TargetMode="External"/><Relationship Id="rId44" Type="http://schemas.openxmlformats.org/officeDocument/2006/relationships/hyperlink" Target="https://www.pen-kanagawa.ed.jp/ebina-h/" TargetMode="External"/><Relationship Id="rId52" Type="http://schemas.openxmlformats.org/officeDocument/2006/relationships/hyperlink" Target="https://www.pen-kanagawa.ed.jp/yamatominami-h/index.html" TargetMode="External"/><Relationship Id="rId4" Type="http://schemas.openxmlformats.org/officeDocument/2006/relationships/hyperlink" Target="https://www.pen-kanagawa.ed.jp/kanagawa-th/zennichi/index.html" TargetMode="External"/><Relationship Id="rId9" Type="http://schemas.openxmlformats.org/officeDocument/2006/relationships/hyperlink" Target="https://www.pen-kanagawa.ed.jp/kamariya-h/index.html" TargetMode="External"/><Relationship Id="rId14" Type="http://schemas.openxmlformats.org/officeDocument/2006/relationships/hyperlink" Target="https://www.pen-kanagawa.ed.jp/kawawa-h/" TargetMode="External"/><Relationship Id="rId22" Type="http://schemas.openxmlformats.org/officeDocument/2006/relationships/hyperlink" Target="https://www.pen-kanagawa.ed.jp/yokosuka-h/zennichi/nyugaku/index.html" TargetMode="External"/><Relationship Id="rId27" Type="http://schemas.openxmlformats.org/officeDocument/2006/relationships/hyperlink" Target="https://www.pen-kanagawa.ed.jp/takahama-h/zennichi/" TargetMode="External"/><Relationship Id="rId30" Type="http://schemas.openxmlformats.org/officeDocument/2006/relationships/hyperlink" Target="https://www.pen-kanagawa.ed.jp/chigasakinishihama-h/nyugaku/setsumeikai.html" TargetMode="External"/><Relationship Id="rId35" Type="http://schemas.openxmlformats.org/officeDocument/2006/relationships/hyperlink" Target="https://www.pen-kanagawa.ed.jp/sagamiharayaei-h/nyugaku/index.html" TargetMode="External"/><Relationship Id="rId43" Type="http://schemas.openxmlformats.org/officeDocument/2006/relationships/hyperlink" Target="https://www.pen-kanagawa.ed.jp/ishida-h/" TargetMode="External"/><Relationship Id="rId48" Type="http://schemas.openxmlformats.org/officeDocument/2006/relationships/hyperlink" Target="https://www.pen-kanagawa.ed.jp/hiratsuka-chuto-ss/" TargetMode="External"/><Relationship Id="rId8" Type="http://schemas.openxmlformats.org/officeDocument/2006/relationships/hyperlink" Target="https://www.pen-kanagawa.ed.jp/kibogaoka-h/zennichi/index.html" TargetMode="External"/><Relationship Id="rId51" Type="http://schemas.openxmlformats.org/officeDocument/2006/relationships/hyperlink" Target="https://www.pen-kanagawa.ed.jp/yamatominami-h/index.html" TargetMode="External"/><Relationship Id="rId3" Type="http://schemas.openxmlformats.org/officeDocument/2006/relationships/hyperlink" Target="https://www.pen-kanagawa.ed.jp/kanagawa-th/" TargetMode="External"/><Relationship Id="rId12" Type="http://schemas.openxmlformats.org/officeDocument/2006/relationships/hyperlink" Target="http://www.pen-kanagawa.ed.jp/tana-h/" TargetMode="External"/><Relationship Id="rId17" Type="http://schemas.openxmlformats.org/officeDocument/2006/relationships/hyperlink" Target="https://www.pen-kanagawa.ed.jp/kawasaki-h/nyugaku/kakushusetsumeikai2022.html" TargetMode="External"/><Relationship Id="rId25" Type="http://schemas.openxmlformats.org/officeDocument/2006/relationships/hyperlink" Target="https://www.pen-kanagawa.ed.jp/hiratsukakoka-th/" TargetMode="External"/><Relationship Id="rId33" Type="http://schemas.openxmlformats.org/officeDocument/2006/relationships/hyperlink" Target="http://www.pen-kanagawa.ed.jp/asamizodai-h/" TargetMode="External"/><Relationship Id="rId38" Type="http://schemas.openxmlformats.org/officeDocument/2006/relationships/hyperlink" Target="https://www.pen-kanagawa.ed.jp/hadano-h/" TargetMode="External"/><Relationship Id="rId46" Type="http://schemas.openxmlformats.org/officeDocument/2006/relationships/hyperlink" Target="https://www.pen-kanagawa.ed.jp/oiso-h/index.html" TargetMode="External"/><Relationship Id="rId20" Type="http://schemas.openxmlformats.org/officeDocument/2006/relationships/hyperlink" Target="https://www.pen-kanagawa.ed.jp/asao-h/nyugaku/nyuugaku_gakkousetumeika.html" TargetMode="External"/><Relationship Id="rId41" Type="http://schemas.openxmlformats.org/officeDocument/2006/relationships/hyperlink" Target="https://www.pen-kanagawa.ed.jp/atsugikita-h/" TargetMode="External"/><Relationship Id="rId1" Type="http://schemas.openxmlformats.org/officeDocument/2006/relationships/hyperlink" Target="https://www.pen-kanagawa.ed.jp/tsurumisogo-ih/index.html" TargetMode="External"/><Relationship Id="rId6" Type="http://schemas.openxmlformats.org/officeDocument/2006/relationships/hyperlink" Target="https://www.y-tateno-h.pen-kanagawa.ed.jp/" TargetMode="External"/><Relationship Id="rId15" Type="http://schemas.openxmlformats.org/officeDocument/2006/relationships/hyperlink" Target="https://www.pen-kanagawa.ed.jp/kamiyabe-h/nyugaku/gakkousetumeikaitou.html" TargetMode="External"/><Relationship Id="rId23" Type="http://schemas.openxmlformats.org/officeDocument/2006/relationships/hyperlink" Target="https://www.pen-kanagawa.ed.jp/yokosukaotsu-h/index.html" TargetMode="External"/><Relationship Id="rId28" Type="http://schemas.openxmlformats.org/officeDocument/2006/relationships/hyperlink" Target="https://www.pen-kanagawa.ed.jp/fukasawa-h/" TargetMode="External"/><Relationship Id="rId36" Type="http://schemas.openxmlformats.org/officeDocument/2006/relationships/hyperlink" Target="https://www.pen-kanagawa.ed.jp/sagamiharayaei-h/nyugaku/index.html" TargetMode="External"/><Relationship Id="rId49" Type="http://schemas.openxmlformats.org/officeDocument/2006/relationships/hyperlink" Target="https://www.pen-kanagawa.ed.jp/chigasakinishihama-h/nyugaku/bukatsutaiken.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B1:O125"/>
  <sheetViews>
    <sheetView tabSelected="1" view="pageBreakPreview" zoomScale="55" zoomScaleNormal="70" zoomScaleSheetLayoutView="55" workbookViewId="0">
      <selection activeCell="B3" sqref="B3"/>
    </sheetView>
  </sheetViews>
  <sheetFormatPr defaultColWidth="8.58203125" defaultRowHeight="17.649999999999999" x14ac:dyDescent="0.2"/>
  <cols>
    <col min="1" max="1" width="1.33203125" style="2" customWidth="1"/>
    <col min="2" max="2" width="12.58203125" style="2" bestFit="1" customWidth="1"/>
    <col min="3" max="3" width="19.33203125" style="2" customWidth="1"/>
    <col min="4" max="4" width="15.75" style="2" customWidth="1"/>
    <col min="5" max="5" width="38.08203125" style="2" customWidth="1"/>
    <col min="6" max="7" width="14.83203125" style="27" customWidth="1"/>
    <col min="8" max="8" width="14.5" style="2" customWidth="1"/>
    <col min="9" max="9" width="21.33203125" style="2" bestFit="1" customWidth="1"/>
    <col min="10" max="10" width="17.25" style="2" customWidth="1"/>
    <col min="11" max="11" width="28.08203125" style="2" customWidth="1"/>
    <col min="12" max="12" width="8.33203125" style="2" bestFit="1" customWidth="1"/>
    <col min="13" max="13" width="10.33203125" style="2" bestFit="1" customWidth="1"/>
    <col min="14" max="14" width="17.58203125" style="2" customWidth="1"/>
    <col min="15" max="15" width="29.83203125" style="28" customWidth="1"/>
    <col min="16" max="16384" width="8.58203125" style="2"/>
  </cols>
  <sheetData>
    <row r="1" spans="2:15" ht="62.8" customHeight="1" x14ac:dyDescent="0.2">
      <c r="B1" s="1" t="s">
        <v>0</v>
      </c>
      <c r="C1" s="1"/>
      <c r="D1" s="1"/>
      <c r="E1" s="1"/>
      <c r="F1" s="1"/>
      <c r="G1" s="1"/>
      <c r="H1" s="1"/>
      <c r="I1" s="1"/>
      <c r="J1" s="1"/>
      <c r="K1" s="1"/>
      <c r="L1" s="1"/>
      <c r="M1" s="1"/>
      <c r="N1" s="1"/>
      <c r="O1" s="1"/>
    </row>
    <row r="2" spans="2:15" s="6" customFormat="1" ht="41.45" customHeight="1" thickBot="1" x14ac:dyDescent="0.25">
      <c r="B2" s="3" t="s">
        <v>1</v>
      </c>
      <c r="C2" s="3" t="s">
        <v>2</v>
      </c>
      <c r="D2" s="3" t="s">
        <v>3</v>
      </c>
      <c r="E2" s="3" t="s">
        <v>4</v>
      </c>
      <c r="F2" s="3" t="s">
        <v>5</v>
      </c>
      <c r="G2" s="3" t="s">
        <v>6</v>
      </c>
      <c r="H2" s="3" t="s">
        <v>7</v>
      </c>
      <c r="I2" s="3" t="s">
        <v>8</v>
      </c>
      <c r="J2" s="3" t="s">
        <v>9</v>
      </c>
      <c r="K2" s="4" t="s">
        <v>10</v>
      </c>
      <c r="L2" s="3" t="s">
        <v>11</v>
      </c>
      <c r="M2" s="4" t="s">
        <v>12</v>
      </c>
      <c r="N2" s="3" t="s">
        <v>13</v>
      </c>
      <c r="O2" s="5" t="s">
        <v>14</v>
      </c>
    </row>
    <row r="3" spans="2:15" s="13" customFormat="1" ht="93.75" customHeight="1" thickTop="1" x14ac:dyDescent="0.2">
      <c r="B3" s="7" t="s">
        <v>15</v>
      </c>
      <c r="C3" s="7" t="s">
        <v>16</v>
      </c>
      <c r="D3" s="8" t="s">
        <v>17</v>
      </c>
      <c r="E3" s="7" t="s">
        <v>18</v>
      </c>
      <c r="F3" s="9" t="s">
        <v>19</v>
      </c>
      <c r="G3" s="9" t="s">
        <v>19</v>
      </c>
      <c r="H3" s="7" t="s">
        <v>20</v>
      </c>
      <c r="I3" s="7" t="s">
        <v>21</v>
      </c>
      <c r="J3" s="7" t="s">
        <v>22</v>
      </c>
      <c r="K3" s="7" t="s">
        <v>23</v>
      </c>
      <c r="L3" s="10" t="s">
        <v>24</v>
      </c>
      <c r="M3" s="11" t="s">
        <v>25</v>
      </c>
      <c r="N3" s="7" t="s">
        <v>26</v>
      </c>
      <c r="O3" s="12" t="s">
        <v>27</v>
      </c>
    </row>
    <row r="4" spans="2:15" ht="78" customHeight="1" x14ac:dyDescent="0.2">
      <c r="B4" s="7" t="s">
        <v>28</v>
      </c>
      <c r="C4" s="7" t="s">
        <v>29</v>
      </c>
      <c r="D4" s="8" t="s">
        <v>30</v>
      </c>
      <c r="E4" s="7" t="s">
        <v>31</v>
      </c>
      <c r="F4" s="9" t="s">
        <v>32</v>
      </c>
      <c r="G4" s="9" t="s">
        <v>32</v>
      </c>
      <c r="H4" s="7" t="s">
        <v>33</v>
      </c>
      <c r="I4" s="7" t="s">
        <v>34</v>
      </c>
      <c r="J4" s="14" t="s">
        <v>35</v>
      </c>
      <c r="K4" s="7" t="s">
        <v>36</v>
      </c>
      <c r="L4" s="10" t="s">
        <v>24</v>
      </c>
      <c r="M4" s="11" t="s">
        <v>25</v>
      </c>
      <c r="N4" s="7" t="s">
        <v>37</v>
      </c>
      <c r="O4" s="12" t="s">
        <v>38</v>
      </c>
    </row>
    <row r="5" spans="2:15" ht="58.55" customHeight="1" x14ac:dyDescent="0.2">
      <c r="B5" s="7" t="s">
        <v>39</v>
      </c>
      <c r="C5" s="7" t="s">
        <v>40</v>
      </c>
      <c r="D5" s="8" t="s">
        <v>30</v>
      </c>
      <c r="E5" s="7" t="s">
        <v>41</v>
      </c>
      <c r="F5" s="15" t="s">
        <v>42</v>
      </c>
      <c r="G5" s="15" t="s">
        <v>42</v>
      </c>
      <c r="H5" s="7" t="s">
        <v>43</v>
      </c>
      <c r="I5" s="7" t="s">
        <v>44</v>
      </c>
      <c r="J5" s="7" t="s">
        <v>45</v>
      </c>
      <c r="K5" s="7" t="s">
        <v>46</v>
      </c>
      <c r="L5" s="10" t="s">
        <v>24</v>
      </c>
      <c r="M5" s="11" t="s">
        <v>47</v>
      </c>
      <c r="N5" s="7" t="s">
        <v>48</v>
      </c>
      <c r="O5" s="12" t="s">
        <v>49</v>
      </c>
    </row>
    <row r="6" spans="2:15" ht="52.85" x14ac:dyDescent="0.2">
      <c r="B6" s="7" t="s">
        <v>39</v>
      </c>
      <c r="C6" s="7" t="s">
        <v>50</v>
      </c>
      <c r="D6" s="8" t="s">
        <v>30</v>
      </c>
      <c r="E6" s="7" t="s">
        <v>51</v>
      </c>
      <c r="F6" s="9" t="s">
        <v>32</v>
      </c>
      <c r="G6" s="9" t="s">
        <v>52</v>
      </c>
      <c r="H6" s="7" t="s">
        <v>53</v>
      </c>
      <c r="I6" s="7" t="s">
        <v>54</v>
      </c>
      <c r="J6" s="7" t="s">
        <v>55</v>
      </c>
      <c r="K6" s="7" t="s">
        <v>56</v>
      </c>
      <c r="L6" s="10" t="s">
        <v>24</v>
      </c>
      <c r="M6" s="11" t="s">
        <v>47</v>
      </c>
      <c r="N6" s="7" t="s">
        <v>55</v>
      </c>
      <c r="O6" s="12" t="s">
        <v>57</v>
      </c>
    </row>
    <row r="7" spans="2:15" ht="63.1" customHeight="1" x14ac:dyDescent="0.2">
      <c r="B7" s="7" t="s">
        <v>39</v>
      </c>
      <c r="C7" s="7" t="s">
        <v>58</v>
      </c>
      <c r="D7" s="8" t="s">
        <v>30</v>
      </c>
      <c r="E7" s="7" t="s">
        <v>41</v>
      </c>
      <c r="F7" s="9" t="s">
        <v>52</v>
      </c>
      <c r="G7" s="9" t="s">
        <v>52</v>
      </c>
      <c r="H7" s="7" t="s">
        <v>43</v>
      </c>
      <c r="I7" s="7" t="s">
        <v>44</v>
      </c>
      <c r="J7" s="7" t="s">
        <v>45</v>
      </c>
      <c r="K7" s="7" t="s">
        <v>46</v>
      </c>
      <c r="L7" s="10" t="s">
        <v>24</v>
      </c>
      <c r="M7" s="11" t="s">
        <v>47</v>
      </c>
      <c r="N7" s="7" t="s">
        <v>48</v>
      </c>
      <c r="O7" s="12" t="s">
        <v>49</v>
      </c>
    </row>
    <row r="8" spans="2:15" ht="72" customHeight="1" x14ac:dyDescent="0.2">
      <c r="B8" s="16" t="s">
        <v>39</v>
      </c>
      <c r="C8" s="16" t="s">
        <v>59</v>
      </c>
      <c r="D8" s="17" t="s">
        <v>30</v>
      </c>
      <c r="E8" s="16" t="s">
        <v>60</v>
      </c>
      <c r="F8" s="18" t="s">
        <v>61</v>
      </c>
      <c r="G8" s="18" t="s">
        <v>61</v>
      </c>
      <c r="H8" s="16" t="s">
        <v>62</v>
      </c>
      <c r="I8" s="16" t="s">
        <v>63</v>
      </c>
      <c r="J8" s="16" t="s">
        <v>62</v>
      </c>
      <c r="K8" s="16" t="s">
        <v>64</v>
      </c>
      <c r="L8" s="19" t="s">
        <v>24</v>
      </c>
      <c r="M8" s="20" t="s">
        <v>47</v>
      </c>
      <c r="N8" s="16" t="s">
        <v>65</v>
      </c>
      <c r="O8" s="12" t="s">
        <v>66</v>
      </c>
    </row>
    <row r="9" spans="2:15" ht="52.85" x14ac:dyDescent="0.2">
      <c r="B9" s="7" t="s">
        <v>39</v>
      </c>
      <c r="C9" s="7" t="s">
        <v>67</v>
      </c>
      <c r="D9" s="8" t="s">
        <v>30</v>
      </c>
      <c r="E9" s="7" t="s">
        <v>68</v>
      </c>
      <c r="F9" s="9" t="s">
        <v>69</v>
      </c>
      <c r="G9" s="9" t="s">
        <v>69</v>
      </c>
      <c r="H9" s="7" t="s">
        <v>53</v>
      </c>
      <c r="I9" s="7" t="s">
        <v>54</v>
      </c>
      <c r="J9" s="7" t="s">
        <v>55</v>
      </c>
      <c r="K9" s="7" t="s">
        <v>56</v>
      </c>
      <c r="L9" s="10" t="s">
        <v>24</v>
      </c>
      <c r="M9" s="11" t="s">
        <v>47</v>
      </c>
      <c r="N9" s="7" t="s">
        <v>55</v>
      </c>
      <c r="O9" s="12" t="s">
        <v>57</v>
      </c>
    </row>
    <row r="10" spans="2:15" ht="70.45" customHeight="1" x14ac:dyDescent="0.2">
      <c r="B10" s="7" t="s">
        <v>39</v>
      </c>
      <c r="C10" s="7" t="s">
        <v>70</v>
      </c>
      <c r="D10" s="8" t="s">
        <v>30</v>
      </c>
      <c r="E10" s="7" t="s">
        <v>71</v>
      </c>
      <c r="F10" s="15" t="s">
        <v>19</v>
      </c>
      <c r="G10" s="15" t="s">
        <v>72</v>
      </c>
      <c r="H10" s="7" t="s">
        <v>62</v>
      </c>
      <c r="I10" s="7" t="s">
        <v>73</v>
      </c>
      <c r="J10" s="7" t="s">
        <v>74</v>
      </c>
      <c r="K10" s="7" t="s">
        <v>75</v>
      </c>
      <c r="L10" s="10" t="s">
        <v>24</v>
      </c>
      <c r="M10" s="11" t="s">
        <v>25</v>
      </c>
      <c r="N10" s="7" t="s">
        <v>76</v>
      </c>
      <c r="O10" s="12" t="s">
        <v>77</v>
      </c>
    </row>
    <row r="11" spans="2:15" ht="52.85" x14ac:dyDescent="0.2">
      <c r="B11" s="7" t="s">
        <v>39</v>
      </c>
      <c r="C11" s="7" t="s">
        <v>78</v>
      </c>
      <c r="D11" s="8" t="s">
        <v>30</v>
      </c>
      <c r="E11" s="7" t="s">
        <v>79</v>
      </c>
      <c r="F11" s="9" t="s">
        <v>80</v>
      </c>
      <c r="G11" s="9" t="s">
        <v>80</v>
      </c>
      <c r="H11" s="7" t="s">
        <v>81</v>
      </c>
      <c r="I11" s="7" t="s">
        <v>73</v>
      </c>
      <c r="J11" s="7" t="s">
        <v>82</v>
      </c>
      <c r="K11" s="7" t="s">
        <v>83</v>
      </c>
      <c r="L11" s="10" t="s">
        <v>24</v>
      </c>
      <c r="M11" s="11" t="s">
        <v>47</v>
      </c>
      <c r="N11" s="7" t="s">
        <v>82</v>
      </c>
      <c r="O11" s="12" t="s">
        <v>84</v>
      </c>
    </row>
    <row r="12" spans="2:15" ht="74.2" customHeight="1" x14ac:dyDescent="0.2">
      <c r="B12" s="16" t="s">
        <v>39</v>
      </c>
      <c r="C12" s="16" t="s">
        <v>59</v>
      </c>
      <c r="D12" s="17" t="s">
        <v>30</v>
      </c>
      <c r="E12" s="16" t="s">
        <v>60</v>
      </c>
      <c r="F12" s="18" t="s">
        <v>85</v>
      </c>
      <c r="G12" s="18" t="s">
        <v>85</v>
      </c>
      <c r="H12" s="16" t="s">
        <v>62</v>
      </c>
      <c r="I12" s="16" t="s">
        <v>63</v>
      </c>
      <c r="J12" s="16" t="s">
        <v>62</v>
      </c>
      <c r="K12" s="16" t="s">
        <v>64</v>
      </c>
      <c r="L12" s="19" t="s">
        <v>24</v>
      </c>
      <c r="M12" s="20" t="s">
        <v>47</v>
      </c>
      <c r="N12" s="16" t="s">
        <v>65</v>
      </c>
      <c r="O12" s="12" t="s">
        <v>66</v>
      </c>
    </row>
    <row r="13" spans="2:15" ht="75.75" customHeight="1" x14ac:dyDescent="0.2">
      <c r="B13" s="16" t="s">
        <v>39</v>
      </c>
      <c r="C13" s="16" t="s">
        <v>86</v>
      </c>
      <c r="D13" s="17" t="s">
        <v>30</v>
      </c>
      <c r="E13" s="16" t="s">
        <v>87</v>
      </c>
      <c r="F13" s="18" t="s">
        <v>85</v>
      </c>
      <c r="G13" s="18" t="s">
        <v>85</v>
      </c>
      <c r="H13" s="16" t="s">
        <v>62</v>
      </c>
      <c r="I13" s="16" t="s">
        <v>63</v>
      </c>
      <c r="J13" s="16" t="s">
        <v>62</v>
      </c>
      <c r="K13" s="16" t="s">
        <v>88</v>
      </c>
      <c r="L13" s="19" t="s">
        <v>24</v>
      </c>
      <c r="M13" s="20" t="s">
        <v>47</v>
      </c>
      <c r="N13" s="16" t="s">
        <v>65</v>
      </c>
      <c r="O13" s="12" t="s">
        <v>66</v>
      </c>
    </row>
    <row r="14" spans="2:15" ht="52.85" x14ac:dyDescent="0.2">
      <c r="B14" s="7" t="s">
        <v>89</v>
      </c>
      <c r="C14" s="7" t="s">
        <v>90</v>
      </c>
      <c r="D14" s="8" t="s">
        <v>30</v>
      </c>
      <c r="E14" s="7" t="s">
        <v>91</v>
      </c>
      <c r="F14" s="21" t="s">
        <v>61</v>
      </c>
      <c r="G14" s="21" t="s">
        <v>61</v>
      </c>
      <c r="H14" s="7" t="s">
        <v>92</v>
      </c>
      <c r="I14" s="7" t="s">
        <v>93</v>
      </c>
      <c r="J14" s="7" t="s">
        <v>94</v>
      </c>
      <c r="K14" s="7" t="s">
        <v>95</v>
      </c>
      <c r="L14" s="10" t="s">
        <v>24</v>
      </c>
      <c r="M14" s="11" t="s">
        <v>25</v>
      </c>
      <c r="N14" s="7" t="s">
        <v>94</v>
      </c>
      <c r="O14" s="12" t="s">
        <v>96</v>
      </c>
    </row>
    <row r="15" spans="2:15" ht="73.55" customHeight="1" x14ac:dyDescent="0.2">
      <c r="B15" s="7" t="s">
        <v>89</v>
      </c>
      <c r="C15" s="7" t="s">
        <v>97</v>
      </c>
      <c r="D15" s="8" t="s">
        <v>30</v>
      </c>
      <c r="E15" s="7" t="s">
        <v>98</v>
      </c>
      <c r="F15" s="21" t="s">
        <v>61</v>
      </c>
      <c r="G15" s="21" t="s">
        <v>61</v>
      </c>
      <c r="H15" s="7" t="s">
        <v>92</v>
      </c>
      <c r="I15" s="7" t="s">
        <v>93</v>
      </c>
      <c r="J15" s="7" t="s">
        <v>94</v>
      </c>
      <c r="K15" s="7" t="s">
        <v>95</v>
      </c>
      <c r="L15" s="10" t="s">
        <v>24</v>
      </c>
      <c r="M15" s="11" t="s">
        <v>47</v>
      </c>
      <c r="N15" s="7" t="s">
        <v>94</v>
      </c>
      <c r="O15" s="12" t="s">
        <v>96</v>
      </c>
    </row>
    <row r="16" spans="2:15" ht="35.25" x14ac:dyDescent="0.2">
      <c r="B16" s="7" t="s">
        <v>89</v>
      </c>
      <c r="C16" s="7" t="s">
        <v>99</v>
      </c>
      <c r="D16" s="8" t="s">
        <v>30</v>
      </c>
      <c r="E16" s="7" t="s">
        <v>100</v>
      </c>
      <c r="F16" s="9" t="s">
        <v>19</v>
      </c>
      <c r="G16" s="9" t="s">
        <v>19</v>
      </c>
      <c r="H16" s="7" t="s">
        <v>101</v>
      </c>
      <c r="I16" s="7" t="s">
        <v>102</v>
      </c>
      <c r="J16" s="7" t="s">
        <v>101</v>
      </c>
      <c r="K16" s="7" t="s">
        <v>103</v>
      </c>
      <c r="L16" s="10" t="s">
        <v>104</v>
      </c>
      <c r="M16" s="11" t="s">
        <v>25</v>
      </c>
      <c r="N16" s="7" t="s">
        <v>105</v>
      </c>
      <c r="O16" s="12"/>
    </row>
    <row r="17" spans="2:15" ht="52.85" x14ac:dyDescent="0.2">
      <c r="B17" s="7" t="s">
        <v>106</v>
      </c>
      <c r="C17" s="7" t="s">
        <v>107</v>
      </c>
      <c r="D17" s="8" t="s">
        <v>30</v>
      </c>
      <c r="E17" s="7" t="s">
        <v>108</v>
      </c>
      <c r="F17" s="9" t="s">
        <v>61</v>
      </c>
      <c r="G17" s="9" t="s">
        <v>61</v>
      </c>
      <c r="H17" s="7" t="s">
        <v>109</v>
      </c>
      <c r="I17" s="7" t="s">
        <v>110</v>
      </c>
      <c r="J17" s="7" t="s">
        <v>111</v>
      </c>
      <c r="K17" s="7" t="s">
        <v>112</v>
      </c>
      <c r="L17" s="10" t="s">
        <v>24</v>
      </c>
      <c r="M17" s="11" t="s">
        <v>47</v>
      </c>
      <c r="N17" s="7" t="s">
        <v>113</v>
      </c>
      <c r="O17" s="12"/>
    </row>
    <row r="18" spans="2:15" ht="70.45" x14ac:dyDescent="0.2">
      <c r="B18" s="16" t="s">
        <v>106</v>
      </c>
      <c r="C18" s="16" t="s">
        <v>114</v>
      </c>
      <c r="D18" s="17" t="s">
        <v>30</v>
      </c>
      <c r="E18" s="16" t="s">
        <v>115</v>
      </c>
      <c r="F18" s="18" t="s">
        <v>69</v>
      </c>
      <c r="G18" s="18" t="s">
        <v>69</v>
      </c>
      <c r="H18" s="16" t="s">
        <v>116</v>
      </c>
      <c r="I18" s="16" t="s">
        <v>117</v>
      </c>
      <c r="J18" s="16" t="s">
        <v>118</v>
      </c>
      <c r="K18" s="16" t="s">
        <v>119</v>
      </c>
      <c r="L18" s="19" t="s">
        <v>120</v>
      </c>
      <c r="M18" s="20" t="s">
        <v>47</v>
      </c>
      <c r="N18" s="16" t="s">
        <v>121</v>
      </c>
      <c r="O18" s="12"/>
    </row>
    <row r="19" spans="2:15" s="13" customFormat="1" ht="92.2" customHeight="1" x14ac:dyDescent="0.2">
      <c r="B19" s="7" t="s">
        <v>122</v>
      </c>
      <c r="C19" s="7" t="s">
        <v>123</v>
      </c>
      <c r="D19" s="8" t="s">
        <v>30</v>
      </c>
      <c r="E19" s="7" t="s">
        <v>124</v>
      </c>
      <c r="F19" s="9" t="s">
        <v>19</v>
      </c>
      <c r="G19" s="9" t="s">
        <v>19</v>
      </c>
      <c r="H19" s="7" t="s">
        <v>125</v>
      </c>
      <c r="I19" s="7" t="s">
        <v>126</v>
      </c>
      <c r="J19" s="7" t="s">
        <v>127</v>
      </c>
      <c r="K19" s="7" t="s">
        <v>128</v>
      </c>
      <c r="L19" s="10" t="s">
        <v>24</v>
      </c>
      <c r="M19" s="11" t="s">
        <v>47</v>
      </c>
      <c r="N19" s="7" t="s">
        <v>127</v>
      </c>
      <c r="O19" s="12" t="s">
        <v>129</v>
      </c>
    </row>
    <row r="20" spans="2:15" s="13" customFormat="1" ht="52.85" x14ac:dyDescent="0.2">
      <c r="B20" s="7" t="s">
        <v>122</v>
      </c>
      <c r="C20" s="7" t="s">
        <v>130</v>
      </c>
      <c r="D20" s="8" t="s">
        <v>30</v>
      </c>
      <c r="E20" s="7" t="s">
        <v>131</v>
      </c>
      <c r="F20" s="9" t="s">
        <v>85</v>
      </c>
      <c r="G20" s="9" t="s">
        <v>132</v>
      </c>
      <c r="H20" s="7" t="s">
        <v>133</v>
      </c>
      <c r="I20" s="7" t="s">
        <v>134</v>
      </c>
      <c r="J20" s="7" t="s">
        <v>135</v>
      </c>
      <c r="K20" s="7" t="s">
        <v>36</v>
      </c>
      <c r="L20" s="10" t="s">
        <v>24</v>
      </c>
      <c r="M20" s="11" t="s">
        <v>47</v>
      </c>
      <c r="N20" s="7" t="s">
        <v>136</v>
      </c>
      <c r="O20" s="12"/>
    </row>
    <row r="21" spans="2:15" ht="81.75" customHeight="1" x14ac:dyDescent="0.2">
      <c r="B21" s="7" t="s">
        <v>137</v>
      </c>
      <c r="C21" s="7" t="s">
        <v>138</v>
      </c>
      <c r="D21" s="8" t="s">
        <v>30</v>
      </c>
      <c r="E21" s="7" t="s">
        <v>139</v>
      </c>
      <c r="F21" s="9" t="s">
        <v>61</v>
      </c>
      <c r="G21" s="9" t="s">
        <v>140</v>
      </c>
      <c r="H21" s="7" t="s">
        <v>141</v>
      </c>
      <c r="I21" s="7" t="s">
        <v>142</v>
      </c>
      <c r="J21" s="7" t="s">
        <v>141</v>
      </c>
      <c r="K21" s="7" t="s">
        <v>143</v>
      </c>
      <c r="L21" s="10" t="s">
        <v>24</v>
      </c>
      <c r="M21" s="11" t="s">
        <v>47</v>
      </c>
      <c r="N21" s="7" t="s">
        <v>144</v>
      </c>
      <c r="O21" s="12"/>
    </row>
    <row r="22" spans="2:15" ht="94.55" customHeight="1" x14ac:dyDescent="0.2">
      <c r="B22" s="7" t="s">
        <v>137</v>
      </c>
      <c r="C22" s="7" t="s">
        <v>145</v>
      </c>
      <c r="D22" s="8" t="s">
        <v>30</v>
      </c>
      <c r="E22" s="7" t="s">
        <v>146</v>
      </c>
      <c r="F22" s="9" t="s">
        <v>69</v>
      </c>
      <c r="G22" s="9" t="s">
        <v>147</v>
      </c>
      <c r="H22" s="7" t="s">
        <v>148</v>
      </c>
      <c r="I22" s="7" t="s">
        <v>149</v>
      </c>
      <c r="J22" s="7" t="s">
        <v>150</v>
      </c>
      <c r="K22" s="7" t="s">
        <v>151</v>
      </c>
      <c r="L22" s="10" t="s">
        <v>24</v>
      </c>
      <c r="M22" s="11" t="s">
        <v>47</v>
      </c>
      <c r="N22" s="7" t="s">
        <v>150</v>
      </c>
      <c r="O22" s="12" t="s">
        <v>152</v>
      </c>
    </row>
    <row r="23" spans="2:15" ht="35.25" x14ac:dyDescent="0.2">
      <c r="B23" s="7" t="s">
        <v>153</v>
      </c>
      <c r="C23" s="7" t="s">
        <v>154</v>
      </c>
      <c r="D23" s="8" t="s">
        <v>30</v>
      </c>
      <c r="E23" s="7" t="s">
        <v>155</v>
      </c>
      <c r="F23" s="9" t="s">
        <v>19</v>
      </c>
      <c r="G23" s="9" t="s">
        <v>19</v>
      </c>
      <c r="H23" s="7" t="s">
        <v>156</v>
      </c>
      <c r="I23" s="7" t="s">
        <v>157</v>
      </c>
      <c r="J23" s="7" t="s">
        <v>156</v>
      </c>
      <c r="K23" s="7" t="s">
        <v>158</v>
      </c>
      <c r="L23" s="10" t="s">
        <v>24</v>
      </c>
      <c r="M23" s="11" t="s">
        <v>47</v>
      </c>
      <c r="N23" s="7" t="s">
        <v>159</v>
      </c>
      <c r="O23" s="12" t="s">
        <v>160</v>
      </c>
    </row>
    <row r="24" spans="2:15" ht="52.85" x14ac:dyDescent="0.2">
      <c r="B24" s="7" t="s">
        <v>161</v>
      </c>
      <c r="C24" s="7" t="s">
        <v>99</v>
      </c>
      <c r="D24" s="8" t="s">
        <v>30</v>
      </c>
      <c r="E24" s="7" t="s">
        <v>162</v>
      </c>
      <c r="F24" s="9" t="s">
        <v>85</v>
      </c>
      <c r="G24" s="9" t="s">
        <v>85</v>
      </c>
      <c r="H24" s="7" t="s">
        <v>163</v>
      </c>
      <c r="I24" s="7" t="s">
        <v>164</v>
      </c>
      <c r="J24" s="7" t="s">
        <v>163</v>
      </c>
      <c r="K24" s="7" t="s">
        <v>165</v>
      </c>
      <c r="L24" s="10" t="s">
        <v>24</v>
      </c>
      <c r="M24" s="11" t="s">
        <v>47</v>
      </c>
      <c r="N24" s="7" t="s">
        <v>166</v>
      </c>
      <c r="O24" s="12" t="s">
        <v>167</v>
      </c>
    </row>
    <row r="25" spans="2:15" ht="52.85" x14ac:dyDescent="0.2">
      <c r="B25" s="7" t="s">
        <v>168</v>
      </c>
      <c r="C25" s="7" t="s">
        <v>169</v>
      </c>
      <c r="D25" s="8" t="s">
        <v>30</v>
      </c>
      <c r="E25" s="7" t="s">
        <v>170</v>
      </c>
      <c r="F25" s="9" t="s">
        <v>32</v>
      </c>
      <c r="G25" s="9" t="s">
        <v>32</v>
      </c>
      <c r="H25" s="7" t="s">
        <v>171</v>
      </c>
      <c r="I25" s="7" t="s">
        <v>172</v>
      </c>
      <c r="J25" s="7" t="s">
        <v>173</v>
      </c>
      <c r="K25" s="7" t="s">
        <v>174</v>
      </c>
      <c r="L25" s="10" t="s">
        <v>24</v>
      </c>
      <c r="M25" s="11" t="s">
        <v>47</v>
      </c>
      <c r="N25" s="7" t="s">
        <v>175</v>
      </c>
      <c r="O25" s="12" t="s">
        <v>176</v>
      </c>
    </row>
    <row r="26" spans="2:15" ht="52.85" x14ac:dyDescent="0.2">
      <c r="B26" s="16" t="s">
        <v>177</v>
      </c>
      <c r="C26" s="16" t="s">
        <v>178</v>
      </c>
      <c r="D26" s="17" t="s">
        <v>30</v>
      </c>
      <c r="E26" s="16" t="s">
        <v>179</v>
      </c>
      <c r="F26" s="18" t="s">
        <v>180</v>
      </c>
      <c r="G26" s="18" t="s">
        <v>180</v>
      </c>
      <c r="H26" s="16" t="s">
        <v>181</v>
      </c>
      <c r="I26" s="16" t="s">
        <v>182</v>
      </c>
      <c r="J26" s="16" t="s">
        <v>183</v>
      </c>
      <c r="K26" s="16" t="s">
        <v>184</v>
      </c>
      <c r="L26" s="19" t="s">
        <v>24</v>
      </c>
      <c r="M26" s="20" t="s">
        <v>47</v>
      </c>
      <c r="N26" s="16" t="s">
        <v>185</v>
      </c>
      <c r="O26" s="12" t="s">
        <v>186</v>
      </c>
    </row>
    <row r="27" spans="2:15" ht="70.45" x14ac:dyDescent="0.2">
      <c r="B27" s="16" t="s">
        <v>177</v>
      </c>
      <c r="C27" s="16" t="s">
        <v>187</v>
      </c>
      <c r="D27" s="17" t="s">
        <v>30</v>
      </c>
      <c r="E27" s="16" t="s">
        <v>188</v>
      </c>
      <c r="F27" s="18" t="s">
        <v>189</v>
      </c>
      <c r="G27" s="18" t="s">
        <v>189</v>
      </c>
      <c r="H27" s="16" t="s">
        <v>190</v>
      </c>
      <c r="I27" s="16" t="s">
        <v>191</v>
      </c>
      <c r="J27" s="16" t="s">
        <v>192</v>
      </c>
      <c r="K27" s="16" t="s">
        <v>193</v>
      </c>
      <c r="L27" s="19" t="s">
        <v>24</v>
      </c>
      <c r="M27" s="20" t="s">
        <v>25</v>
      </c>
      <c r="N27" s="16" t="s">
        <v>192</v>
      </c>
      <c r="O27" s="12"/>
    </row>
    <row r="28" spans="2:15" ht="35.25" x14ac:dyDescent="0.2">
      <c r="B28" s="16" t="s">
        <v>194</v>
      </c>
      <c r="C28" s="16" t="s">
        <v>195</v>
      </c>
      <c r="D28" s="17" t="s">
        <v>30</v>
      </c>
      <c r="E28" s="16" t="s">
        <v>196</v>
      </c>
      <c r="F28" s="18" t="s">
        <v>197</v>
      </c>
      <c r="G28" s="18" t="s">
        <v>198</v>
      </c>
      <c r="H28" s="16" t="s">
        <v>199</v>
      </c>
      <c r="I28" s="22" t="s">
        <v>200</v>
      </c>
      <c r="J28" s="16" t="s">
        <v>201</v>
      </c>
      <c r="K28" s="16" t="s">
        <v>202</v>
      </c>
      <c r="L28" s="19" t="s">
        <v>24</v>
      </c>
      <c r="M28" s="20" t="s">
        <v>25</v>
      </c>
      <c r="N28" s="16" t="s">
        <v>201</v>
      </c>
      <c r="O28" s="12" t="s">
        <v>203</v>
      </c>
    </row>
    <row r="29" spans="2:15" ht="35.25" x14ac:dyDescent="0.2">
      <c r="B29" s="16" t="s">
        <v>194</v>
      </c>
      <c r="C29" s="16" t="s">
        <v>204</v>
      </c>
      <c r="D29" s="17" t="s">
        <v>30</v>
      </c>
      <c r="E29" s="16" t="s">
        <v>205</v>
      </c>
      <c r="F29" s="18" t="s">
        <v>206</v>
      </c>
      <c r="G29" s="18" t="s">
        <v>206</v>
      </c>
      <c r="H29" s="16" t="s">
        <v>199</v>
      </c>
      <c r="I29" s="22" t="s">
        <v>200</v>
      </c>
      <c r="J29" s="16" t="s">
        <v>201</v>
      </c>
      <c r="K29" s="16" t="s">
        <v>207</v>
      </c>
      <c r="L29" s="19" t="s">
        <v>24</v>
      </c>
      <c r="M29" s="20" t="s">
        <v>47</v>
      </c>
      <c r="N29" s="16" t="s">
        <v>201</v>
      </c>
      <c r="O29" s="12" t="s">
        <v>203</v>
      </c>
    </row>
    <row r="30" spans="2:15" ht="72" customHeight="1" x14ac:dyDescent="0.2">
      <c r="B30" s="7" t="s">
        <v>208</v>
      </c>
      <c r="C30" s="7" t="s">
        <v>209</v>
      </c>
      <c r="D30" s="8" t="s">
        <v>30</v>
      </c>
      <c r="E30" s="7" t="s">
        <v>210</v>
      </c>
      <c r="F30" s="9" t="s">
        <v>61</v>
      </c>
      <c r="G30" s="9" t="s">
        <v>61</v>
      </c>
      <c r="H30" s="7" t="s">
        <v>211</v>
      </c>
      <c r="I30" s="7" t="s">
        <v>212</v>
      </c>
      <c r="J30" s="7" t="s">
        <v>211</v>
      </c>
      <c r="K30" s="7" t="s">
        <v>213</v>
      </c>
      <c r="L30" s="10" t="s">
        <v>24</v>
      </c>
      <c r="M30" s="11" t="s">
        <v>25</v>
      </c>
      <c r="N30" s="7" t="s">
        <v>214</v>
      </c>
      <c r="O30" s="12" t="s">
        <v>215</v>
      </c>
    </row>
    <row r="31" spans="2:15" ht="114" customHeight="1" x14ac:dyDescent="0.2">
      <c r="B31" s="7" t="s">
        <v>208</v>
      </c>
      <c r="C31" s="7" t="s">
        <v>99</v>
      </c>
      <c r="D31" s="8" t="s">
        <v>30</v>
      </c>
      <c r="E31" s="7" t="s">
        <v>216</v>
      </c>
      <c r="F31" s="9" t="s">
        <v>85</v>
      </c>
      <c r="G31" s="9" t="s">
        <v>85</v>
      </c>
      <c r="H31" s="7" t="s">
        <v>217</v>
      </c>
      <c r="I31" s="23" t="s">
        <v>218</v>
      </c>
      <c r="J31" s="7" t="s">
        <v>219</v>
      </c>
      <c r="K31" s="7" t="s">
        <v>119</v>
      </c>
      <c r="L31" s="10" t="s">
        <v>24</v>
      </c>
      <c r="M31" s="11" t="s">
        <v>47</v>
      </c>
      <c r="N31" s="7" t="s">
        <v>219</v>
      </c>
      <c r="O31" s="12"/>
    </row>
    <row r="32" spans="2:15" ht="70.45" x14ac:dyDescent="0.2">
      <c r="B32" s="7" t="s">
        <v>208</v>
      </c>
      <c r="C32" s="7" t="s">
        <v>220</v>
      </c>
      <c r="D32" s="8" t="s">
        <v>30</v>
      </c>
      <c r="E32" s="7" t="s">
        <v>221</v>
      </c>
      <c r="F32" s="9" t="s">
        <v>222</v>
      </c>
      <c r="G32" s="9" t="s">
        <v>223</v>
      </c>
      <c r="H32" s="7" t="s">
        <v>217</v>
      </c>
      <c r="I32" s="23" t="s">
        <v>218</v>
      </c>
      <c r="J32" s="7" t="s">
        <v>219</v>
      </c>
      <c r="K32" s="7" t="s">
        <v>224</v>
      </c>
      <c r="L32" s="10" t="s">
        <v>24</v>
      </c>
      <c r="M32" s="11" t="s">
        <v>25</v>
      </c>
      <c r="N32" s="7" t="s">
        <v>219</v>
      </c>
      <c r="O32" s="12"/>
    </row>
    <row r="33" spans="2:15" ht="52.85" x14ac:dyDescent="0.2">
      <c r="B33" s="7" t="s">
        <v>225</v>
      </c>
      <c r="C33" s="7" t="s">
        <v>99</v>
      </c>
      <c r="D33" s="8" t="s">
        <v>30</v>
      </c>
      <c r="E33" s="7" t="s">
        <v>226</v>
      </c>
      <c r="F33" s="9" t="s">
        <v>61</v>
      </c>
      <c r="G33" s="9" t="s">
        <v>61</v>
      </c>
      <c r="H33" s="7" t="s">
        <v>227</v>
      </c>
      <c r="I33" s="7" t="s">
        <v>228</v>
      </c>
      <c r="J33" s="7" t="s">
        <v>229</v>
      </c>
      <c r="K33" s="7" t="s">
        <v>119</v>
      </c>
      <c r="L33" s="10" t="s">
        <v>24</v>
      </c>
      <c r="M33" s="11" t="s">
        <v>47</v>
      </c>
      <c r="N33" s="7" t="s">
        <v>229</v>
      </c>
      <c r="O33" s="12" t="s">
        <v>230</v>
      </c>
    </row>
    <row r="34" spans="2:15" ht="52.85" x14ac:dyDescent="0.2">
      <c r="B34" s="16" t="s">
        <v>231</v>
      </c>
      <c r="C34" s="16" t="s">
        <v>232</v>
      </c>
      <c r="D34" s="17" t="s">
        <v>30</v>
      </c>
      <c r="E34" s="16" t="s">
        <v>233</v>
      </c>
      <c r="F34" s="18" t="s">
        <v>234</v>
      </c>
      <c r="G34" s="18" t="s">
        <v>234</v>
      </c>
      <c r="H34" s="16" t="s">
        <v>235</v>
      </c>
      <c r="I34" s="16" t="s">
        <v>236</v>
      </c>
      <c r="J34" s="16" t="s">
        <v>235</v>
      </c>
      <c r="K34" s="16" t="s">
        <v>237</v>
      </c>
      <c r="L34" s="19" t="s">
        <v>24</v>
      </c>
      <c r="M34" s="20" t="s">
        <v>47</v>
      </c>
      <c r="N34" s="16" t="s">
        <v>238</v>
      </c>
      <c r="O34" s="12" t="s">
        <v>239</v>
      </c>
    </row>
    <row r="35" spans="2:15" ht="97.55" customHeight="1" x14ac:dyDescent="0.2">
      <c r="B35" s="7" t="s">
        <v>240</v>
      </c>
      <c r="C35" s="7" t="s">
        <v>241</v>
      </c>
      <c r="D35" s="8" t="s">
        <v>30</v>
      </c>
      <c r="E35" s="7" t="s">
        <v>242</v>
      </c>
      <c r="F35" s="9" t="s">
        <v>243</v>
      </c>
      <c r="G35" s="9" t="s">
        <v>243</v>
      </c>
      <c r="H35" s="7" t="s">
        <v>244</v>
      </c>
      <c r="I35" s="7" t="s">
        <v>245</v>
      </c>
      <c r="J35" s="7" t="s">
        <v>246</v>
      </c>
      <c r="K35" s="7" t="s">
        <v>247</v>
      </c>
      <c r="L35" s="10" t="s">
        <v>248</v>
      </c>
      <c r="M35" s="11" t="s">
        <v>47</v>
      </c>
      <c r="N35" s="7" t="s">
        <v>246</v>
      </c>
      <c r="O35" s="12" t="s">
        <v>249</v>
      </c>
    </row>
    <row r="36" spans="2:15" ht="99.75" customHeight="1" x14ac:dyDescent="0.2">
      <c r="B36" s="7" t="s">
        <v>240</v>
      </c>
      <c r="C36" s="7" t="s">
        <v>250</v>
      </c>
      <c r="D36" s="8" t="s">
        <v>30</v>
      </c>
      <c r="E36" s="7" t="s">
        <v>251</v>
      </c>
      <c r="F36" s="9" t="s">
        <v>69</v>
      </c>
      <c r="G36" s="9" t="s">
        <v>69</v>
      </c>
      <c r="H36" s="7" t="s">
        <v>252</v>
      </c>
      <c r="I36" s="7" t="s">
        <v>253</v>
      </c>
      <c r="J36" s="7" t="s">
        <v>254</v>
      </c>
      <c r="K36" s="7" t="s">
        <v>255</v>
      </c>
      <c r="L36" s="10" t="s">
        <v>24</v>
      </c>
      <c r="M36" s="11" t="s">
        <v>47</v>
      </c>
      <c r="N36" s="7" t="s">
        <v>256</v>
      </c>
      <c r="O36" s="12" t="s">
        <v>257</v>
      </c>
    </row>
    <row r="37" spans="2:15" ht="70.45" x14ac:dyDescent="0.2">
      <c r="B37" s="7" t="s">
        <v>240</v>
      </c>
      <c r="C37" s="7" t="s">
        <v>258</v>
      </c>
      <c r="D37" s="8" t="s">
        <v>30</v>
      </c>
      <c r="E37" s="7" t="s">
        <v>259</v>
      </c>
      <c r="F37" s="9" t="s">
        <v>19</v>
      </c>
      <c r="G37" s="9" t="s">
        <v>19</v>
      </c>
      <c r="H37" s="7" t="s">
        <v>244</v>
      </c>
      <c r="I37" s="7" t="s">
        <v>245</v>
      </c>
      <c r="J37" s="7" t="s">
        <v>260</v>
      </c>
      <c r="K37" s="7" t="s">
        <v>261</v>
      </c>
      <c r="L37" s="10" t="s">
        <v>248</v>
      </c>
      <c r="M37" s="11" t="s">
        <v>25</v>
      </c>
      <c r="N37" s="7" t="s">
        <v>260</v>
      </c>
      <c r="O37" s="12" t="s">
        <v>262</v>
      </c>
    </row>
    <row r="38" spans="2:15" ht="88.1" x14ac:dyDescent="0.2">
      <c r="B38" s="7" t="s">
        <v>263</v>
      </c>
      <c r="C38" s="7" t="s">
        <v>264</v>
      </c>
      <c r="D38" s="8" t="s">
        <v>30</v>
      </c>
      <c r="E38" s="7" t="s">
        <v>265</v>
      </c>
      <c r="F38" s="9" t="s">
        <v>19</v>
      </c>
      <c r="G38" s="9" t="s">
        <v>72</v>
      </c>
      <c r="H38" s="7" t="s">
        <v>266</v>
      </c>
      <c r="I38" s="7" t="s">
        <v>267</v>
      </c>
      <c r="J38" s="7" t="s">
        <v>266</v>
      </c>
      <c r="K38" s="7" t="s">
        <v>268</v>
      </c>
      <c r="L38" s="10" t="s">
        <v>24</v>
      </c>
      <c r="M38" s="11" t="s">
        <v>25</v>
      </c>
      <c r="N38" s="7" t="s">
        <v>266</v>
      </c>
      <c r="O38" s="12"/>
    </row>
    <row r="39" spans="2:15" ht="59.35" customHeight="1" x14ac:dyDescent="0.2">
      <c r="B39" s="7" t="s">
        <v>263</v>
      </c>
      <c r="C39" s="7" t="s">
        <v>269</v>
      </c>
      <c r="D39" s="8" t="s">
        <v>30</v>
      </c>
      <c r="E39" s="7" t="s">
        <v>270</v>
      </c>
      <c r="F39" s="9" t="s">
        <v>85</v>
      </c>
      <c r="G39" s="9" t="s">
        <v>85</v>
      </c>
      <c r="H39" s="7" t="s">
        <v>266</v>
      </c>
      <c r="I39" s="7" t="s">
        <v>267</v>
      </c>
      <c r="J39" s="7" t="s">
        <v>266</v>
      </c>
      <c r="K39" s="7" t="s">
        <v>271</v>
      </c>
      <c r="L39" s="10" t="s">
        <v>272</v>
      </c>
      <c r="M39" s="11" t="s">
        <v>47</v>
      </c>
      <c r="N39" s="7" t="s">
        <v>266</v>
      </c>
      <c r="O39" s="12"/>
    </row>
    <row r="40" spans="2:15" ht="105.8" customHeight="1" x14ac:dyDescent="0.2">
      <c r="B40" s="16" t="s">
        <v>273</v>
      </c>
      <c r="C40" s="16" t="s">
        <v>274</v>
      </c>
      <c r="D40" s="17" t="s">
        <v>30</v>
      </c>
      <c r="E40" s="16" t="s">
        <v>275</v>
      </c>
      <c r="F40" s="9" t="s">
        <v>243</v>
      </c>
      <c r="G40" s="9" t="s">
        <v>243</v>
      </c>
      <c r="H40" s="16" t="s">
        <v>276</v>
      </c>
      <c r="I40" s="16" t="s">
        <v>277</v>
      </c>
      <c r="J40" s="16" t="s">
        <v>278</v>
      </c>
      <c r="K40" s="16" t="s">
        <v>128</v>
      </c>
      <c r="L40" s="19" t="s">
        <v>24</v>
      </c>
      <c r="M40" s="20" t="s">
        <v>25</v>
      </c>
      <c r="N40" s="16" t="s">
        <v>279</v>
      </c>
      <c r="O40" s="12" t="s">
        <v>280</v>
      </c>
    </row>
    <row r="41" spans="2:15" ht="90.8" customHeight="1" x14ac:dyDescent="0.2">
      <c r="B41" s="7" t="s">
        <v>273</v>
      </c>
      <c r="C41" s="7" t="s">
        <v>281</v>
      </c>
      <c r="D41" s="8" t="s">
        <v>30</v>
      </c>
      <c r="E41" s="7" t="s">
        <v>282</v>
      </c>
      <c r="F41" s="24">
        <v>45209</v>
      </c>
      <c r="G41" s="24">
        <v>45217</v>
      </c>
      <c r="H41" s="7" t="s">
        <v>283</v>
      </c>
      <c r="I41" s="7" t="s">
        <v>284</v>
      </c>
      <c r="J41" s="7" t="s">
        <v>283</v>
      </c>
      <c r="K41" s="7" t="s">
        <v>285</v>
      </c>
      <c r="L41" s="10" t="s">
        <v>104</v>
      </c>
      <c r="M41" s="11" t="s">
        <v>47</v>
      </c>
      <c r="N41" s="7" t="s">
        <v>286</v>
      </c>
      <c r="O41" s="12"/>
    </row>
    <row r="42" spans="2:15" ht="35.25" x14ac:dyDescent="0.2">
      <c r="B42" s="7" t="s">
        <v>273</v>
      </c>
      <c r="C42" s="7" t="s">
        <v>287</v>
      </c>
      <c r="D42" s="8" t="s">
        <v>30</v>
      </c>
      <c r="E42" s="7" t="s">
        <v>288</v>
      </c>
      <c r="F42" s="24">
        <v>45210</v>
      </c>
      <c r="G42" s="24">
        <v>45210</v>
      </c>
      <c r="H42" s="7" t="s">
        <v>283</v>
      </c>
      <c r="I42" s="7" t="s">
        <v>284</v>
      </c>
      <c r="J42" s="7" t="s">
        <v>283</v>
      </c>
      <c r="K42" s="7" t="s">
        <v>289</v>
      </c>
      <c r="L42" s="10" t="s">
        <v>104</v>
      </c>
      <c r="M42" s="11" t="s">
        <v>47</v>
      </c>
      <c r="N42" s="7" t="s">
        <v>290</v>
      </c>
      <c r="O42" s="12"/>
    </row>
    <row r="43" spans="2:15" ht="52.85" x14ac:dyDescent="0.2">
      <c r="B43" s="7" t="s">
        <v>273</v>
      </c>
      <c r="C43" s="7" t="s">
        <v>291</v>
      </c>
      <c r="D43" s="8" t="s">
        <v>30</v>
      </c>
      <c r="E43" s="7" t="s">
        <v>292</v>
      </c>
      <c r="F43" s="9" t="s">
        <v>85</v>
      </c>
      <c r="G43" s="9" t="s">
        <v>85</v>
      </c>
      <c r="H43" s="7" t="s">
        <v>293</v>
      </c>
      <c r="I43" s="7" t="s">
        <v>294</v>
      </c>
      <c r="J43" s="7" t="s">
        <v>295</v>
      </c>
      <c r="K43" s="7" t="s">
        <v>296</v>
      </c>
      <c r="L43" s="10" t="s">
        <v>24</v>
      </c>
      <c r="M43" s="11" t="s">
        <v>47</v>
      </c>
      <c r="N43" s="7" t="s">
        <v>293</v>
      </c>
      <c r="O43" s="12" t="s">
        <v>297</v>
      </c>
    </row>
    <row r="44" spans="2:15" ht="93" customHeight="1" x14ac:dyDescent="0.2">
      <c r="B44" s="16" t="s">
        <v>273</v>
      </c>
      <c r="C44" s="16" t="s">
        <v>298</v>
      </c>
      <c r="D44" s="17" t="s">
        <v>30</v>
      </c>
      <c r="E44" s="16" t="s">
        <v>299</v>
      </c>
      <c r="F44" s="18" t="s">
        <v>85</v>
      </c>
      <c r="G44" s="18" t="s">
        <v>300</v>
      </c>
      <c r="H44" s="16" t="s">
        <v>276</v>
      </c>
      <c r="I44" s="16" t="s">
        <v>277</v>
      </c>
      <c r="J44" s="16" t="s">
        <v>278</v>
      </c>
      <c r="K44" s="16" t="s">
        <v>128</v>
      </c>
      <c r="L44" s="19" t="s">
        <v>24</v>
      </c>
      <c r="M44" s="20" t="s">
        <v>25</v>
      </c>
      <c r="N44" s="16" t="s">
        <v>279</v>
      </c>
      <c r="O44" s="12" t="s">
        <v>280</v>
      </c>
    </row>
    <row r="45" spans="2:15" ht="117.1" customHeight="1" x14ac:dyDescent="0.2">
      <c r="B45" s="16" t="s">
        <v>301</v>
      </c>
      <c r="C45" s="16" t="s">
        <v>302</v>
      </c>
      <c r="D45" s="17" t="s">
        <v>30</v>
      </c>
      <c r="E45" s="16" t="s">
        <v>303</v>
      </c>
      <c r="F45" s="18" t="s">
        <v>304</v>
      </c>
      <c r="G45" s="18" t="s">
        <v>304</v>
      </c>
      <c r="H45" s="16" t="s">
        <v>305</v>
      </c>
      <c r="I45" s="16" t="s">
        <v>306</v>
      </c>
      <c r="J45" s="16" t="s">
        <v>305</v>
      </c>
      <c r="K45" s="16" t="s">
        <v>307</v>
      </c>
      <c r="L45" s="19" t="s">
        <v>24</v>
      </c>
      <c r="M45" s="20" t="s">
        <v>47</v>
      </c>
      <c r="N45" s="16" t="s">
        <v>305</v>
      </c>
      <c r="O45" s="12"/>
    </row>
    <row r="46" spans="2:15" ht="52.85" x14ac:dyDescent="0.2">
      <c r="B46" s="7" t="s">
        <v>301</v>
      </c>
      <c r="C46" s="7" t="s">
        <v>58</v>
      </c>
      <c r="D46" s="8" t="s">
        <v>30</v>
      </c>
      <c r="E46" s="7" t="s">
        <v>308</v>
      </c>
      <c r="F46" s="9" t="s">
        <v>32</v>
      </c>
      <c r="G46" s="9" t="s">
        <v>32</v>
      </c>
      <c r="H46" s="7" t="s">
        <v>309</v>
      </c>
      <c r="I46" s="7" t="s">
        <v>310</v>
      </c>
      <c r="J46" s="7" t="s">
        <v>309</v>
      </c>
      <c r="K46" s="7" t="s">
        <v>311</v>
      </c>
      <c r="L46" s="10" t="s">
        <v>24</v>
      </c>
      <c r="M46" s="11" t="s">
        <v>47</v>
      </c>
      <c r="N46" s="7" t="s">
        <v>312</v>
      </c>
      <c r="O46" s="12"/>
    </row>
    <row r="47" spans="2:15" ht="52.85" x14ac:dyDescent="0.2">
      <c r="B47" s="7" t="s">
        <v>301</v>
      </c>
      <c r="C47" s="7" t="s">
        <v>313</v>
      </c>
      <c r="D47" s="8" t="s">
        <v>30</v>
      </c>
      <c r="E47" s="7" t="s">
        <v>314</v>
      </c>
      <c r="F47" s="9" t="s">
        <v>315</v>
      </c>
      <c r="G47" s="9" t="s">
        <v>316</v>
      </c>
      <c r="H47" s="7" t="s">
        <v>317</v>
      </c>
      <c r="I47" s="7" t="s">
        <v>318</v>
      </c>
      <c r="J47" s="7" t="s">
        <v>319</v>
      </c>
      <c r="K47" s="7" t="s">
        <v>320</v>
      </c>
      <c r="L47" s="10" t="s">
        <v>104</v>
      </c>
      <c r="M47" s="11" t="s">
        <v>47</v>
      </c>
      <c r="N47" s="7" t="s">
        <v>321</v>
      </c>
      <c r="O47" s="12" t="s">
        <v>322</v>
      </c>
    </row>
    <row r="48" spans="2:15" ht="52.85" x14ac:dyDescent="0.2">
      <c r="B48" s="7" t="s">
        <v>301</v>
      </c>
      <c r="C48" s="7" t="s">
        <v>323</v>
      </c>
      <c r="D48" s="8" t="s">
        <v>30</v>
      </c>
      <c r="E48" s="7" t="s">
        <v>324</v>
      </c>
      <c r="F48" s="9" t="s">
        <v>234</v>
      </c>
      <c r="G48" s="9" t="s">
        <v>234</v>
      </c>
      <c r="H48" s="7" t="s">
        <v>325</v>
      </c>
      <c r="I48" s="7" t="s">
        <v>310</v>
      </c>
      <c r="J48" s="7" t="s">
        <v>325</v>
      </c>
      <c r="K48" s="7" t="s">
        <v>326</v>
      </c>
      <c r="L48" s="10" t="s">
        <v>24</v>
      </c>
      <c r="M48" s="11" t="s">
        <v>47</v>
      </c>
      <c r="N48" s="7" t="s">
        <v>312</v>
      </c>
      <c r="O48" s="12"/>
    </row>
    <row r="49" spans="2:15" ht="52.85" x14ac:dyDescent="0.2">
      <c r="B49" s="16" t="s">
        <v>301</v>
      </c>
      <c r="C49" s="16" t="s">
        <v>327</v>
      </c>
      <c r="D49" s="17" t="s">
        <v>30</v>
      </c>
      <c r="E49" s="16" t="s">
        <v>328</v>
      </c>
      <c r="F49" s="18" t="s">
        <v>329</v>
      </c>
      <c r="G49" s="18" t="s">
        <v>329</v>
      </c>
      <c r="H49" s="16" t="s">
        <v>305</v>
      </c>
      <c r="I49" s="16" t="s">
        <v>306</v>
      </c>
      <c r="J49" s="16" t="s">
        <v>305</v>
      </c>
      <c r="K49" s="16" t="s">
        <v>307</v>
      </c>
      <c r="L49" s="19" t="s">
        <v>24</v>
      </c>
      <c r="M49" s="20" t="s">
        <v>47</v>
      </c>
      <c r="N49" s="16" t="s">
        <v>305</v>
      </c>
      <c r="O49" s="12"/>
    </row>
    <row r="50" spans="2:15" ht="52.85" x14ac:dyDescent="0.2">
      <c r="B50" s="7" t="s">
        <v>301</v>
      </c>
      <c r="C50" s="7" t="s">
        <v>330</v>
      </c>
      <c r="D50" s="8" t="s">
        <v>30</v>
      </c>
      <c r="E50" s="7" t="s">
        <v>331</v>
      </c>
      <c r="F50" s="9" t="s">
        <v>85</v>
      </c>
      <c r="G50" s="9" t="s">
        <v>85</v>
      </c>
      <c r="H50" s="7" t="s">
        <v>319</v>
      </c>
      <c r="I50" s="7" t="s">
        <v>318</v>
      </c>
      <c r="J50" s="7" t="s">
        <v>319</v>
      </c>
      <c r="K50" s="7" t="s">
        <v>332</v>
      </c>
      <c r="L50" s="10" t="s">
        <v>104</v>
      </c>
      <c r="M50" s="11" t="s">
        <v>47</v>
      </c>
      <c r="N50" s="7" t="s">
        <v>321</v>
      </c>
      <c r="O50" s="12" t="s">
        <v>322</v>
      </c>
    </row>
    <row r="51" spans="2:15" ht="60" customHeight="1" x14ac:dyDescent="0.2">
      <c r="B51" s="16" t="s">
        <v>301</v>
      </c>
      <c r="C51" s="16" t="s">
        <v>333</v>
      </c>
      <c r="D51" s="17" t="s">
        <v>30</v>
      </c>
      <c r="E51" s="16" t="s">
        <v>334</v>
      </c>
      <c r="F51" s="18" t="s">
        <v>222</v>
      </c>
      <c r="G51" s="18" t="s">
        <v>223</v>
      </c>
      <c r="H51" s="16" t="s">
        <v>305</v>
      </c>
      <c r="I51" s="16" t="s">
        <v>306</v>
      </c>
      <c r="J51" s="16" t="s">
        <v>305</v>
      </c>
      <c r="K51" s="16" t="s">
        <v>335</v>
      </c>
      <c r="L51" s="19" t="s">
        <v>24</v>
      </c>
      <c r="M51" s="20" t="s">
        <v>47</v>
      </c>
      <c r="N51" s="16" t="s">
        <v>305</v>
      </c>
      <c r="O51" s="12"/>
    </row>
    <row r="52" spans="2:15" ht="75.75" customHeight="1" x14ac:dyDescent="0.2">
      <c r="B52" s="7" t="s">
        <v>301</v>
      </c>
      <c r="C52" s="7" t="s">
        <v>336</v>
      </c>
      <c r="D52" s="8" t="s">
        <v>30</v>
      </c>
      <c r="E52" s="7" t="s">
        <v>337</v>
      </c>
      <c r="F52" s="9" t="s">
        <v>338</v>
      </c>
      <c r="G52" s="9" t="s">
        <v>338</v>
      </c>
      <c r="H52" s="7" t="s">
        <v>309</v>
      </c>
      <c r="I52" s="7" t="s">
        <v>310</v>
      </c>
      <c r="J52" s="7" t="s">
        <v>309</v>
      </c>
      <c r="K52" s="7" t="s">
        <v>339</v>
      </c>
      <c r="L52" s="10" t="s">
        <v>24</v>
      </c>
      <c r="M52" s="11" t="s">
        <v>47</v>
      </c>
      <c r="N52" s="7" t="s">
        <v>312</v>
      </c>
      <c r="O52" s="12"/>
    </row>
    <row r="53" spans="2:15" ht="52.85" x14ac:dyDescent="0.2">
      <c r="B53" s="16" t="s">
        <v>301</v>
      </c>
      <c r="C53" s="16" t="s">
        <v>340</v>
      </c>
      <c r="D53" s="17" t="s">
        <v>30</v>
      </c>
      <c r="E53" s="16" t="s">
        <v>341</v>
      </c>
      <c r="F53" s="18" t="s">
        <v>342</v>
      </c>
      <c r="G53" s="18" t="s">
        <v>223</v>
      </c>
      <c r="H53" s="16" t="s">
        <v>305</v>
      </c>
      <c r="I53" s="16" t="s">
        <v>306</v>
      </c>
      <c r="J53" s="16" t="s">
        <v>305</v>
      </c>
      <c r="K53" s="16" t="s">
        <v>343</v>
      </c>
      <c r="L53" s="19" t="s">
        <v>24</v>
      </c>
      <c r="M53" s="20" t="s">
        <v>47</v>
      </c>
      <c r="N53" s="16" t="s">
        <v>305</v>
      </c>
      <c r="O53" s="12"/>
    </row>
    <row r="54" spans="2:15" ht="73.55" customHeight="1" x14ac:dyDescent="0.2">
      <c r="B54" s="7" t="s">
        <v>344</v>
      </c>
      <c r="C54" s="7" t="s">
        <v>187</v>
      </c>
      <c r="D54" s="8" t="s">
        <v>30</v>
      </c>
      <c r="E54" s="7" t="s">
        <v>345</v>
      </c>
      <c r="F54" s="9" t="s">
        <v>19</v>
      </c>
      <c r="G54" s="9" t="s">
        <v>19</v>
      </c>
      <c r="H54" s="7" t="s">
        <v>346</v>
      </c>
      <c r="I54" s="7" t="s">
        <v>347</v>
      </c>
      <c r="J54" s="7" t="s">
        <v>348</v>
      </c>
      <c r="K54" s="10" t="s">
        <v>349</v>
      </c>
      <c r="L54" s="10" t="s">
        <v>24</v>
      </c>
      <c r="M54" s="11" t="s">
        <v>47</v>
      </c>
      <c r="N54" s="7" t="s">
        <v>348</v>
      </c>
      <c r="O54" s="12" t="s">
        <v>350</v>
      </c>
    </row>
    <row r="55" spans="2:15" ht="88.1" x14ac:dyDescent="0.2">
      <c r="B55" s="7" t="s">
        <v>344</v>
      </c>
      <c r="C55" s="7" t="s">
        <v>187</v>
      </c>
      <c r="D55" s="8" t="s">
        <v>30</v>
      </c>
      <c r="E55" s="7" t="s">
        <v>351</v>
      </c>
      <c r="F55" s="9" t="s">
        <v>19</v>
      </c>
      <c r="G55" s="9" t="s">
        <v>19</v>
      </c>
      <c r="H55" s="7" t="s">
        <v>352</v>
      </c>
      <c r="I55" s="7" t="s">
        <v>353</v>
      </c>
      <c r="J55" s="7" t="s">
        <v>352</v>
      </c>
      <c r="K55" s="7" t="s">
        <v>255</v>
      </c>
      <c r="L55" s="10" t="s">
        <v>104</v>
      </c>
      <c r="M55" s="11" t="s">
        <v>47</v>
      </c>
      <c r="N55" s="7" t="s">
        <v>352</v>
      </c>
      <c r="O55" s="12" t="s">
        <v>354</v>
      </c>
    </row>
    <row r="56" spans="2:15" ht="52.85" x14ac:dyDescent="0.2">
      <c r="B56" s="7" t="s">
        <v>344</v>
      </c>
      <c r="C56" s="7" t="s">
        <v>355</v>
      </c>
      <c r="D56" s="8" t="s">
        <v>30</v>
      </c>
      <c r="E56" s="7" t="s">
        <v>356</v>
      </c>
      <c r="F56" s="9" t="s">
        <v>80</v>
      </c>
      <c r="G56" s="9" t="s">
        <v>189</v>
      </c>
      <c r="H56" s="7" t="s">
        <v>357</v>
      </c>
      <c r="I56" s="7" t="s">
        <v>358</v>
      </c>
      <c r="J56" s="7" t="s">
        <v>359</v>
      </c>
      <c r="K56" s="7" t="s">
        <v>360</v>
      </c>
      <c r="L56" s="10" t="s">
        <v>24</v>
      </c>
      <c r="M56" s="11" t="s">
        <v>25</v>
      </c>
      <c r="N56" s="7" t="s">
        <v>361</v>
      </c>
      <c r="O56" s="12"/>
    </row>
    <row r="57" spans="2:15" ht="78.75" customHeight="1" x14ac:dyDescent="0.2">
      <c r="B57" s="7" t="s">
        <v>344</v>
      </c>
      <c r="C57" s="7" t="s">
        <v>362</v>
      </c>
      <c r="D57" s="8" t="s">
        <v>30</v>
      </c>
      <c r="E57" s="7" t="s">
        <v>363</v>
      </c>
      <c r="F57" s="9" t="s">
        <v>189</v>
      </c>
      <c r="G57" s="9" t="s">
        <v>189</v>
      </c>
      <c r="H57" s="7" t="s">
        <v>364</v>
      </c>
      <c r="I57" s="7" t="s">
        <v>365</v>
      </c>
      <c r="J57" s="7" t="s">
        <v>364</v>
      </c>
      <c r="K57" s="7" t="s">
        <v>366</v>
      </c>
      <c r="L57" s="10" t="s">
        <v>24</v>
      </c>
      <c r="M57" s="11" t="s">
        <v>47</v>
      </c>
      <c r="N57" s="7" t="s">
        <v>364</v>
      </c>
      <c r="O57" s="12" t="s">
        <v>367</v>
      </c>
    </row>
    <row r="58" spans="2:15" ht="70.45" x14ac:dyDescent="0.2">
      <c r="B58" s="7" t="s">
        <v>344</v>
      </c>
      <c r="C58" s="7" t="s">
        <v>368</v>
      </c>
      <c r="D58" s="8" t="s">
        <v>369</v>
      </c>
      <c r="E58" s="7" t="s">
        <v>370</v>
      </c>
      <c r="F58" s="9" t="s">
        <v>206</v>
      </c>
      <c r="G58" s="9" t="s">
        <v>206</v>
      </c>
      <c r="H58" s="7" t="s">
        <v>371</v>
      </c>
      <c r="I58" s="7" t="s">
        <v>372</v>
      </c>
      <c r="J58" s="7" t="s">
        <v>373</v>
      </c>
      <c r="K58" s="7" t="s">
        <v>202</v>
      </c>
      <c r="L58" s="10" t="s">
        <v>24</v>
      </c>
      <c r="M58" s="11" t="s">
        <v>47</v>
      </c>
      <c r="N58" s="7" t="s">
        <v>374</v>
      </c>
      <c r="O58" s="12" t="str">
        <f>HYPERLINK("#", "https://www.pen-kanagawa.ed.jp/sagamiharachuo-sh/chiiki/index.html")</f>
        <v>https://www.pen-kanagawa.ed.jp/sagamiharachuo-sh/chiiki/index.html</v>
      </c>
    </row>
    <row r="59" spans="2:15" ht="88.1" x14ac:dyDescent="0.2">
      <c r="B59" s="7" t="s">
        <v>344</v>
      </c>
      <c r="C59" s="7" t="s">
        <v>67</v>
      </c>
      <c r="D59" s="8" t="s">
        <v>30</v>
      </c>
      <c r="E59" s="7" t="s">
        <v>375</v>
      </c>
      <c r="F59" s="9" t="s">
        <v>85</v>
      </c>
      <c r="G59" s="9" t="s">
        <v>85</v>
      </c>
      <c r="H59" s="7" t="s">
        <v>352</v>
      </c>
      <c r="I59" s="7" t="s">
        <v>353</v>
      </c>
      <c r="J59" s="7" t="s">
        <v>352</v>
      </c>
      <c r="K59" s="7" t="s">
        <v>255</v>
      </c>
      <c r="L59" s="10" t="s">
        <v>104</v>
      </c>
      <c r="M59" s="11" t="s">
        <v>47</v>
      </c>
      <c r="N59" s="7" t="s">
        <v>352</v>
      </c>
      <c r="O59" s="12" t="s">
        <v>354</v>
      </c>
    </row>
    <row r="60" spans="2:15" ht="114" customHeight="1" x14ac:dyDescent="0.2">
      <c r="B60" s="7" t="s">
        <v>344</v>
      </c>
      <c r="C60" s="7" t="s">
        <v>376</v>
      </c>
      <c r="D60" s="8" t="s">
        <v>30</v>
      </c>
      <c r="E60" s="7" t="s">
        <v>377</v>
      </c>
      <c r="F60" s="9" t="s">
        <v>342</v>
      </c>
      <c r="G60" s="9" t="s">
        <v>223</v>
      </c>
      <c r="H60" s="7" t="s">
        <v>371</v>
      </c>
      <c r="I60" s="7" t="s">
        <v>372</v>
      </c>
      <c r="J60" s="7" t="s">
        <v>373</v>
      </c>
      <c r="K60" s="7" t="s">
        <v>202</v>
      </c>
      <c r="L60" s="10" t="s">
        <v>24</v>
      </c>
      <c r="M60" s="11" t="s">
        <v>25</v>
      </c>
      <c r="N60" s="7" t="s">
        <v>374</v>
      </c>
      <c r="O60" s="12" t="str">
        <f>HYPERLINK("#", "https://www.pen-kanagawa.ed.jp/sagamiharachuo-sh/chiiki/index.html")</f>
        <v>https://www.pen-kanagawa.ed.jp/sagamiharachuo-sh/chiiki/index.html</v>
      </c>
    </row>
    <row r="61" spans="2:15" ht="70.45" x14ac:dyDescent="0.2">
      <c r="B61" s="7" t="s">
        <v>378</v>
      </c>
      <c r="C61" s="25" t="s">
        <v>187</v>
      </c>
      <c r="D61" s="8" t="s">
        <v>30</v>
      </c>
      <c r="E61" s="7" t="s">
        <v>379</v>
      </c>
      <c r="F61" s="9" t="s">
        <v>32</v>
      </c>
      <c r="G61" s="9" t="s">
        <v>32</v>
      </c>
      <c r="H61" s="7" t="s">
        <v>380</v>
      </c>
      <c r="I61" s="25" t="s">
        <v>381</v>
      </c>
      <c r="J61" s="25" t="s">
        <v>382</v>
      </c>
      <c r="K61" s="25" t="s">
        <v>383</v>
      </c>
      <c r="L61" s="10" t="s">
        <v>24</v>
      </c>
      <c r="M61" s="11" t="s">
        <v>47</v>
      </c>
      <c r="N61" s="25" t="s">
        <v>384</v>
      </c>
      <c r="O61" s="12" t="s">
        <v>385</v>
      </c>
    </row>
    <row r="62" spans="2:15" ht="52.85" x14ac:dyDescent="0.2">
      <c r="B62" s="16" t="s">
        <v>378</v>
      </c>
      <c r="C62" s="16" t="s">
        <v>67</v>
      </c>
      <c r="D62" s="17" t="s">
        <v>30</v>
      </c>
      <c r="E62" s="16" t="s">
        <v>386</v>
      </c>
      <c r="F62" s="18" t="s">
        <v>69</v>
      </c>
      <c r="G62" s="18" t="s">
        <v>69</v>
      </c>
      <c r="H62" s="16" t="s">
        <v>387</v>
      </c>
      <c r="I62" s="16" t="s">
        <v>388</v>
      </c>
      <c r="J62" s="16" t="s">
        <v>389</v>
      </c>
      <c r="K62" s="16" t="s">
        <v>390</v>
      </c>
      <c r="L62" s="19" t="s">
        <v>24</v>
      </c>
      <c r="M62" s="20" t="s">
        <v>47</v>
      </c>
      <c r="N62" s="16" t="s">
        <v>391</v>
      </c>
      <c r="O62" s="12" t="s">
        <v>392</v>
      </c>
    </row>
    <row r="63" spans="2:15" ht="70.45" x14ac:dyDescent="0.2">
      <c r="B63" s="7" t="s">
        <v>378</v>
      </c>
      <c r="C63" s="25" t="s">
        <v>393</v>
      </c>
      <c r="D63" s="8" t="s">
        <v>30</v>
      </c>
      <c r="E63" s="7" t="s">
        <v>394</v>
      </c>
      <c r="F63" s="9" t="s">
        <v>85</v>
      </c>
      <c r="G63" s="9" t="s">
        <v>85</v>
      </c>
      <c r="H63" s="7" t="s">
        <v>380</v>
      </c>
      <c r="I63" s="25" t="s">
        <v>381</v>
      </c>
      <c r="J63" s="25" t="s">
        <v>382</v>
      </c>
      <c r="K63" s="25" t="s">
        <v>383</v>
      </c>
      <c r="L63" s="10" t="s">
        <v>24</v>
      </c>
      <c r="M63" s="11" t="s">
        <v>47</v>
      </c>
      <c r="N63" s="25" t="s">
        <v>384</v>
      </c>
      <c r="O63" s="12" t="s">
        <v>385</v>
      </c>
    </row>
    <row r="64" spans="2:15" ht="88.1" x14ac:dyDescent="0.2">
      <c r="B64" s="7" t="s">
        <v>395</v>
      </c>
      <c r="C64" s="7" t="s">
        <v>396</v>
      </c>
      <c r="D64" s="8" t="s">
        <v>30</v>
      </c>
      <c r="E64" s="7" t="s">
        <v>397</v>
      </c>
      <c r="F64" s="9" t="s">
        <v>69</v>
      </c>
      <c r="G64" s="9" t="s">
        <v>69</v>
      </c>
      <c r="H64" s="7" t="s">
        <v>398</v>
      </c>
      <c r="I64" s="7" t="s">
        <v>399</v>
      </c>
      <c r="J64" s="23" t="s">
        <v>400</v>
      </c>
      <c r="K64" s="7" t="s">
        <v>401</v>
      </c>
      <c r="L64" s="10" t="s">
        <v>24</v>
      </c>
      <c r="M64" s="11" t="s">
        <v>47</v>
      </c>
      <c r="N64" s="7" t="s">
        <v>402</v>
      </c>
      <c r="O64" s="12" t="s">
        <v>403</v>
      </c>
    </row>
    <row r="65" spans="2:15" ht="78" customHeight="1" x14ac:dyDescent="0.2">
      <c r="B65" s="7" t="s">
        <v>395</v>
      </c>
      <c r="C65" s="7" t="s">
        <v>99</v>
      </c>
      <c r="D65" s="8" t="s">
        <v>30</v>
      </c>
      <c r="E65" s="7" t="s">
        <v>404</v>
      </c>
      <c r="F65" s="9" t="s">
        <v>19</v>
      </c>
      <c r="G65" s="9" t="s">
        <v>19</v>
      </c>
      <c r="H65" s="7" t="s">
        <v>405</v>
      </c>
      <c r="I65" s="7" t="s">
        <v>406</v>
      </c>
      <c r="J65" s="7" t="s">
        <v>405</v>
      </c>
      <c r="K65" s="7" t="s">
        <v>407</v>
      </c>
      <c r="L65" s="10" t="s">
        <v>24</v>
      </c>
      <c r="M65" s="11" t="s">
        <v>47</v>
      </c>
      <c r="N65" s="7" t="s">
        <v>408</v>
      </c>
      <c r="O65" s="12" t="s">
        <v>409</v>
      </c>
    </row>
    <row r="66" spans="2:15" ht="115.55" customHeight="1" x14ac:dyDescent="0.2">
      <c r="B66" s="7" t="s">
        <v>395</v>
      </c>
      <c r="C66" s="7" t="s">
        <v>410</v>
      </c>
      <c r="D66" s="8" t="s">
        <v>30</v>
      </c>
      <c r="E66" s="7" t="s">
        <v>397</v>
      </c>
      <c r="F66" s="9" t="s">
        <v>85</v>
      </c>
      <c r="G66" s="9" t="s">
        <v>85</v>
      </c>
      <c r="H66" s="7" t="s">
        <v>398</v>
      </c>
      <c r="I66" s="7" t="s">
        <v>399</v>
      </c>
      <c r="J66" s="23" t="s">
        <v>400</v>
      </c>
      <c r="K66" s="7" t="s">
        <v>401</v>
      </c>
      <c r="L66" s="10" t="s">
        <v>24</v>
      </c>
      <c r="M66" s="11" t="s">
        <v>47</v>
      </c>
      <c r="N66" s="7" t="s">
        <v>402</v>
      </c>
      <c r="O66" s="12" t="s">
        <v>403</v>
      </c>
    </row>
    <row r="67" spans="2:15" ht="52.85" x14ac:dyDescent="0.2">
      <c r="B67" s="7" t="s">
        <v>411</v>
      </c>
      <c r="C67" s="7" t="s">
        <v>412</v>
      </c>
      <c r="D67" s="8" t="s">
        <v>30</v>
      </c>
      <c r="E67" s="7" t="s">
        <v>413</v>
      </c>
      <c r="F67" s="9" t="s">
        <v>32</v>
      </c>
      <c r="G67" s="9" t="s">
        <v>414</v>
      </c>
      <c r="H67" s="7" t="s">
        <v>415</v>
      </c>
      <c r="I67" s="7" t="s">
        <v>416</v>
      </c>
      <c r="J67" s="7" t="s">
        <v>417</v>
      </c>
      <c r="K67" s="7" t="s">
        <v>46</v>
      </c>
      <c r="L67" s="10" t="s">
        <v>104</v>
      </c>
      <c r="M67" s="11" t="s">
        <v>25</v>
      </c>
      <c r="N67" s="7" t="s">
        <v>415</v>
      </c>
      <c r="O67" s="12" t="s">
        <v>418</v>
      </c>
    </row>
    <row r="68" spans="2:15" ht="35.25" x14ac:dyDescent="0.2">
      <c r="B68" s="7" t="s">
        <v>411</v>
      </c>
      <c r="C68" s="7" t="s">
        <v>419</v>
      </c>
      <c r="D68" s="8" t="s">
        <v>30</v>
      </c>
      <c r="E68" s="7" t="s">
        <v>420</v>
      </c>
      <c r="F68" s="9" t="s">
        <v>421</v>
      </c>
      <c r="G68" s="9" t="s">
        <v>421</v>
      </c>
      <c r="H68" s="7" t="s">
        <v>422</v>
      </c>
      <c r="I68" s="7" t="s">
        <v>423</v>
      </c>
      <c r="J68" s="7" t="s">
        <v>424</v>
      </c>
      <c r="K68" s="7" t="s">
        <v>425</v>
      </c>
      <c r="L68" s="10" t="s">
        <v>24</v>
      </c>
      <c r="M68" s="11" t="s">
        <v>47</v>
      </c>
      <c r="N68" s="7" t="s">
        <v>426</v>
      </c>
      <c r="O68" s="12"/>
    </row>
    <row r="69" spans="2:15" ht="70.45" x14ac:dyDescent="0.2">
      <c r="B69" s="7" t="s">
        <v>411</v>
      </c>
      <c r="C69" s="7" t="s">
        <v>427</v>
      </c>
      <c r="D69" s="8" t="s">
        <v>30</v>
      </c>
      <c r="E69" s="7" t="s">
        <v>428</v>
      </c>
      <c r="F69" s="9" t="s">
        <v>243</v>
      </c>
      <c r="G69" s="9" t="s">
        <v>243</v>
      </c>
      <c r="H69" s="7" t="s">
        <v>429</v>
      </c>
      <c r="I69" s="7" t="s">
        <v>430</v>
      </c>
      <c r="J69" s="7" t="s">
        <v>431</v>
      </c>
      <c r="K69" s="7" t="s">
        <v>432</v>
      </c>
      <c r="L69" s="10" t="s">
        <v>104</v>
      </c>
      <c r="M69" s="11" t="s">
        <v>25</v>
      </c>
      <c r="N69" s="7" t="s">
        <v>433</v>
      </c>
      <c r="O69" s="12" t="s">
        <v>434</v>
      </c>
    </row>
    <row r="70" spans="2:15" ht="54.8" customHeight="1" x14ac:dyDescent="0.2">
      <c r="B70" s="7" t="s">
        <v>411</v>
      </c>
      <c r="C70" s="7" t="s">
        <v>435</v>
      </c>
      <c r="D70" s="8" t="s">
        <v>30</v>
      </c>
      <c r="E70" s="7" t="s">
        <v>420</v>
      </c>
      <c r="F70" s="9" t="s">
        <v>436</v>
      </c>
      <c r="G70" s="9" t="s">
        <v>436</v>
      </c>
      <c r="H70" s="7" t="s">
        <v>424</v>
      </c>
      <c r="I70" s="7" t="s">
        <v>437</v>
      </c>
      <c r="J70" s="7" t="s">
        <v>424</v>
      </c>
      <c r="K70" s="7" t="s">
        <v>438</v>
      </c>
      <c r="L70" s="10" t="s">
        <v>24</v>
      </c>
      <c r="M70" s="11" t="s">
        <v>47</v>
      </c>
      <c r="N70" s="7" t="s">
        <v>426</v>
      </c>
      <c r="O70" s="12"/>
    </row>
    <row r="71" spans="2:15" ht="35.25" x14ac:dyDescent="0.2">
      <c r="B71" s="7" t="s">
        <v>411</v>
      </c>
      <c r="C71" s="7" t="s">
        <v>439</v>
      </c>
      <c r="D71" s="8" t="s">
        <v>30</v>
      </c>
      <c r="E71" s="7" t="s">
        <v>440</v>
      </c>
      <c r="F71" s="9" t="s">
        <v>441</v>
      </c>
      <c r="G71" s="9" t="s">
        <v>69</v>
      </c>
      <c r="H71" s="7" t="s">
        <v>442</v>
      </c>
      <c r="I71" s="7" t="s">
        <v>443</v>
      </c>
      <c r="J71" s="7" t="s">
        <v>442</v>
      </c>
      <c r="K71" s="7" t="s">
        <v>444</v>
      </c>
      <c r="L71" s="10" t="s">
        <v>24</v>
      </c>
      <c r="M71" s="11" t="s">
        <v>47</v>
      </c>
      <c r="N71" s="7" t="s">
        <v>442</v>
      </c>
      <c r="O71" s="12"/>
    </row>
    <row r="72" spans="2:15" ht="52.85" x14ac:dyDescent="0.2">
      <c r="B72" s="7" t="s">
        <v>411</v>
      </c>
      <c r="C72" s="7" t="s">
        <v>445</v>
      </c>
      <c r="D72" s="8" t="s">
        <v>30</v>
      </c>
      <c r="E72" s="7" t="s">
        <v>446</v>
      </c>
      <c r="F72" s="9" t="s">
        <v>19</v>
      </c>
      <c r="G72" s="9" t="s">
        <v>19</v>
      </c>
      <c r="H72" s="7" t="s">
        <v>442</v>
      </c>
      <c r="I72" s="7" t="s">
        <v>443</v>
      </c>
      <c r="J72" s="7" t="s">
        <v>442</v>
      </c>
      <c r="K72" s="7" t="s">
        <v>447</v>
      </c>
      <c r="L72" s="10" t="s">
        <v>24</v>
      </c>
      <c r="M72" s="11" t="s">
        <v>47</v>
      </c>
      <c r="N72" s="7" t="s">
        <v>442</v>
      </c>
      <c r="O72" s="12"/>
    </row>
    <row r="73" spans="2:15" ht="52.85" x14ac:dyDescent="0.2">
      <c r="B73" s="7" t="s">
        <v>411</v>
      </c>
      <c r="C73" s="7" t="s">
        <v>448</v>
      </c>
      <c r="D73" s="8" t="s">
        <v>30</v>
      </c>
      <c r="E73" s="7" t="s">
        <v>449</v>
      </c>
      <c r="F73" s="9" t="s">
        <v>19</v>
      </c>
      <c r="G73" s="9" t="s">
        <v>19</v>
      </c>
      <c r="H73" s="7" t="s">
        <v>424</v>
      </c>
      <c r="I73" s="7" t="s">
        <v>437</v>
      </c>
      <c r="J73" s="7" t="s">
        <v>424</v>
      </c>
      <c r="K73" s="7" t="s">
        <v>425</v>
      </c>
      <c r="L73" s="10" t="s">
        <v>24</v>
      </c>
      <c r="M73" s="11" t="s">
        <v>47</v>
      </c>
      <c r="N73" s="7" t="s">
        <v>426</v>
      </c>
      <c r="O73" s="12"/>
    </row>
    <row r="74" spans="2:15" ht="52.85" x14ac:dyDescent="0.2">
      <c r="B74" s="7" t="s">
        <v>411</v>
      </c>
      <c r="C74" s="7" t="s">
        <v>450</v>
      </c>
      <c r="D74" s="8" t="s">
        <v>30</v>
      </c>
      <c r="E74" s="7" t="s">
        <v>451</v>
      </c>
      <c r="F74" s="9" t="s">
        <v>19</v>
      </c>
      <c r="G74" s="9" t="s">
        <v>452</v>
      </c>
      <c r="H74" s="7" t="s">
        <v>453</v>
      </c>
      <c r="I74" s="7" t="s">
        <v>454</v>
      </c>
      <c r="J74" s="7" t="s">
        <v>453</v>
      </c>
      <c r="K74" s="7" t="s">
        <v>455</v>
      </c>
      <c r="L74" s="10" t="s">
        <v>24</v>
      </c>
      <c r="M74" s="11" t="s">
        <v>47</v>
      </c>
      <c r="N74" s="7" t="s">
        <v>456</v>
      </c>
      <c r="O74" s="12" t="s">
        <v>457</v>
      </c>
    </row>
    <row r="75" spans="2:15" ht="70.45" x14ac:dyDescent="0.2">
      <c r="B75" s="7" t="s">
        <v>411</v>
      </c>
      <c r="C75" s="7" t="s">
        <v>458</v>
      </c>
      <c r="D75" s="8" t="s">
        <v>30</v>
      </c>
      <c r="E75" s="7" t="s">
        <v>459</v>
      </c>
      <c r="F75" s="9" t="s">
        <v>19</v>
      </c>
      <c r="G75" s="9" t="s">
        <v>19</v>
      </c>
      <c r="H75" s="7" t="s">
        <v>460</v>
      </c>
      <c r="I75" s="7" t="s">
        <v>430</v>
      </c>
      <c r="J75" s="7" t="s">
        <v>460</v>
      </c>
      <c r="K75" s="7" t="s">
        <v>461</v>
      </c>
      <c r="L75" s="10" t="s">
        <v>24</v>
      </c>
      <c r="M75" s="11" t="s">
        <v>47</v>
      </c>
      <c r="N75" s="7" t="s">
        <v>460</v>
      </c>
      <c r="O75" s="12"/>
    </row>
    <row r="76" spans="2:15" ht="35.25" x14ac:dyDescent="0.2">
      <c r="B76" s="7" t="s">
        <v>411</v>
      </c>
      <c r="C76" s="7" t="s">
        <v>462</v>
      </c>
      <c r="D76" s="8" t="s">
        <v>30</v>
      </c>
      <c r="E76" s="7" t="s">
        <v>463</v>
      </c>
      <c r="F76" s="9" t="s">
        <v>189</v>
      </c>
      <c r="G76" s="9" t="s">
        <v>189</v>
      </c>
      <c r="H76" s="7" t="s">
        <v>442</v>
      </c>
      <c r="I76" s="7" t="s">
        <v>443</v>
      </c>
      <c r="J76" s="7" t="s">
        <v>442</v>
      </c>
      <c r="K76" s="7" t="s">
        <v>464</v>
      </c>
      <c r="L76" s="10" t="s">
        <v>24</v>
      </c>
      <c r="M76" s="11" t="s">
        <v>47</v>
      </c>
      <c r="N76" s="7" t="s">
        <v>442</v>
      </c>
      <c r="O76" s="12"/>
    </row>
    <row r="77" spans="2:15" ht="76.55" customHeight="1" x14ac:dyDescent="0.2">
      <c r="B77" s="7" t="s">
        <v>411</v>
      </c>
      <c r="C77" s="7" t="s">
        <v>412</v>
      </c>
      <c r="D77" s="8" t="s">
        <v>30</v>
      </c>
      <c r="E77" s="7" t="s">
        <v>413</v>
      </c>
      <c r="F77" s="9" t="s">
        <v>189</v>
      </c>
      <c r="G77" s="9" t="s">
        <v>234</v>
      </c>
      <c r="H77" s="7" t="s">
        <v>415</v>
      </c>
      <c r="I77" s="7" t="s">
        <v>416</v>
      </c>
      <c r="J77" s="7" t="s">
        <v>417</v>
      </c>
      <c r="K77" s="7" t="s">
        <v>46</v>
      </c>
      <c r="L77" s="10" t="s">
        <v>24</v>
      </c>
      <c r="M77" s="11" t="s">
        <v>25</v>
      </c>
      <c r="N77" s="7" t="s">
        <v>415</v>
      </c>
      <c r="O77" s="12" t="s">
        <v>418</v>
      </c>
    </row>
    <row r="78" spans="2:15" ht="52.45" customHeight="1" x14ac:dyDescent="0.2">
      <c r="B78" s="7" t="s">
        <v>411</v>
      </c>
      <c r="C78" s="7" t="s">
        <v>465</v>
      </c>
      <c r="D78" s="8" t="s">
        <v>30</v>
      </c>
      <c r="E78" s="7" t="s">
        <v>420</v>
      </c>
      <c r="F78" s="9" t="s">
        <v>85</v>
      </c>
      <c r="G78" s="9" t="s">
        <v>85</v>
      </c>
      <c r="H78" s="7" t="s">
        <v>424</v>
      </c>
      <c r="I78" s="7" t="s">
        <v>437</v>
      </c>
      <c r="J78" s="7" t="s">
        <v>424</v>
      </c>
      <c r="K78" s="7" t="s">
        <v>425</v>
      </c>
      <c r="L78" s="10" t="s">
        <v>24</v>
      </c>
      <c r="M78" s="11" t="s">
        <v>47</v>
      </c>
      <c r="N78" s="7" t="s">
        <v>426</v>
      </c>
      <c r="O78" s="12"/>
    </row>
    <row r="79" spans="2:15" ht="97.55" customHeight="1" x14ac:dyDescent="0.2">
      <c r="B79" s="7" t="s">
        <v>466</v>
      </c>
      <c r="C79" s="7" t="s">
        <v>467</v>
      </c>
      <c r="D79" s="8" t="s">
        <v>468</v>
      </c>
      <c r="E79" s="7" t="s">
        <v>469</v>
      </c>
      <c r="F79" s="9" t="s">
        <v>69</v>
      </c>
      <c r="G79" s="9" t="s">
        <v>85</v>
      </c>
      <c r="H79" s="7" t="s">
        <v>470</v>
      </c>
      <c r="I79" s="7" t="s">
        <v>471</v>
      </c>
      <c r="J79" s="7" t="s">
        <v>470</v>
      </c>
      <c r="K79" s="7" t="s">
        <v>472</v>
      </c>
      <c r="L79" s="10" t="s">
        <v>272</v>
      </c>
      <c r="M79" s="11" t="s">
        <v>47</v>
      </c>
      <c r="N79" s="7" t="s">
        <v>473</v>
      </c>
      <c r="O79" s="12" t="s">
        <v>474</v>
      </c>
    </row>
    <row r="80" spans="2:15" ht="70.45" x14ac:dyDescent="0.2">
      <c r="B80" s="16" t="s">
        <v>466</v>
      </c>
      <c r="C80" s="16" t="s">
        <v>475</v>
      </c>
      <c r="D80" s="17" t="s">
        <v>30</v>
      </c>
      <c r="E80" s="16" t="s">
        <v>476</v>
      </c>
      <c r="F80" s="26" t="s">
        <v>477</v>
      </c>
      <c r="G80" s="26" t="s">
        <v>477</v>
      </c>
      <c r="H80" s="16" t="s">
        <v>478</v>
      </c>
      <c r="I80" s="22" t="s">
        <v>479</v>
      </c>
      <c r="J80" s="16" t="s">
        <v>480</v>
      </c>
      <c r="K80" s="16" t="s">
        <v>481</v>
      </c>
      <c r="L80" s="19" t="s">
        <v>24</v>
      </c>
      <c r="M80" s="20" t="s">
        <v>47</v>
      </c>
      <c r="N80" s="16" t="s">
        <v>482</v>
      </c>
      <c r="O80" s="12"/>
    </row>
    <row r="81" spans="2:15" ht="52.85" x14ac:dyDescent="0.2">
      <c r="B81" s="16" t="s">
        <v>483</v>
      </c>
      <c r="C81" s="16" t="s">
        <v>484</v>
      </c>
      <c r="D81" s="17" t="s">
        <v>30</v>
      </c>
      <c r="E81" s="16" t="s">
        <v>485</v>
      </c>
      <c r="F81" s="18" t="s">
        <v>486</v>
      </c>
      <c r="G81" s="18" t="s">
        <v>487</v>
      </c>
      <c r="H81" s="16" t="s">
        <v>488</v>
      </c>
      <c r="I81" s="16" t="s">
        <v>489</v>
      </c>
      <c r="J81" s="16" t="s">
        <v>488</v>
      </c>
      <c r="K81" s="16" t="s">
        <v>490</v>
      </c>
      <c r="L81" s="19" t="s">
        <v>120</v>
      </c>
      <c r="M81" s="20" t="s">
        <v>25</v>
      </c>
      <c r="N81" s="16" t="s">
        <v>488</v>
      </c>
      <c r="O81" s="12"/>
    </row>
    <row r="82" spans="2:15" ht="52.85" x14ac:dyDescent="0.2">
      <c r="B82" s="16" t="s">
        <v>483</v>
      </c>
      <c r="C82" s="16" t="s">
        <v>491</v>
      </c>
      <c r="D82" s="17" t="s">
        <v>30</v>
      </c>
      <c r="E82" s="16" t="s">
        <v>492</v>
      </c>
      <c r="F82" s="18" t="s">
        <v>421</v>
      </c>
      <c r="G82" s="18" t="s">
        <v>421</v>
      </c>
      <c r="H82" s="16" t="s">
        <v>488</v>
      </c>
      <c r="I82" s="16" t="s">
        <v>489</v>
      </c>
      <c r="J82" s="16" t="s">
        <v>488</v>
      </c>
      <c r="K82" s="16" t="s">
        <v>493</v>
      </c>
      <c r="L82" s="19" t="s">
        <v>120</v>
      </c>
      <c r="M82" s="20" t="s">
        <v>47</v>
      </c>
      <c r="N82" s="16" t="s">
        <v>488</v>
      </c>
      <c r="O82" s="12"/>
    </row>
    <row r="83" spans="2:15" ht="52.85" x14ac:dyDescent="0.2">
      <c r="B83" s="7" t="s">
        <v>483</v>
      </c>
      <c r="C83" s="7" t="s">
        <v>494</v>
      </c>
      <c r="D83" s="8" t="s">
        <v>30</v>
      </c>
      <c r="E83" s="7" t="s">
        <v>495</v>
      </c>
      <c r="F83" s="9" t="s">
        <v>61</v>
      </c>
      <c r="G83" s="9" t="s">
        <v>61</v>
      </c>
      <c r="H83" s="7" t="s">
        <v>496</v>
      </c>
      <c r="I83" s="7" t="s">
        <v>497</v>
      </c>
      <c r="J83" s="7" t="s">
        <v>498</v>
      </c>
      <c r="K83" s="7" t="s">
        <v>46</v>
      </c>
      <c r="L83" s="10" t="s">
        <v>24</v>
      </c>
      <c r="M83" s="11" t="s">
        <v>47</v>
      </c>
      <c r="N83" s="7" t="s">
        <v>498</v>
      </c>
      <c r="O83" s="12" t="s">
        <v>499</v>
      </c>
    </row>
    <row r="84" spans="2:15" ht="35.25" x14ac:dyDescent="0.2">
      <c r="B84" s="16" t="s">
        <v>483</v>
      </c>
      <c r="C84" s="16" t="s">
        <v>500</v>
      </c>
      <c r="D84" s="17" t="s">
        <v>30</v>
      </c>
      <c r="E84" s="16" t="s">
        <v>501</v>
      </c>
      <c r="F84" s="26" t="s">
        <v>502</v>
      </c>
      <c r="G84" s="26" t="s">
        <v>503</v>
      </c>
      <c r="H84" s="16" t="s">
        <v>504</v>
      </c>
      <c r="I84" s="22" t="s">
        <v>505</v>
      </c>
      <c r="J84" s="16" t="s">
        <v>482</v>
      </c>
      <c r="K84" s="16" t="s">
        <v>506</v>
      </c>
      <c r="L84" s="19" t="s">
        <v>24</v>
      </c>
      <c r="M84" s="20" t="s">
        <v>47</v>
      </c>
      <c r="N84" s="16" t="s">
        <v>482</v>
      </c>
      <c r="O84" s="12"/>
    </row>
    <row r="85" spans="2:15" ht="35.25" x14ac:dyDescent="0.2">
      <c r="B85" s="7" t="s">
        <v>483</v>
      </c>
      <c r="C85" s="7" t="s">
        <v>507</v>
      </c>
      <c r="D85" s="8" t="s">
        <v>30</v>
      </c>
      <c r="E85" s="7" t="s">
        <v>508</v>
      </c>
      <c r="F85" s="9" t="s">
        <v>189</v>
      </c>
      <c r="G85" s="9" t="s">
        <v>509</v>
      </c>
      <c r="H85" s="7" t="s">
        <v>496</v>
      </c>
      <c r="I85" s="7" t="s">
        <v>497</v>
      </c>
      <c r="J85" s="7" t="s">
        <v>498</v>
      </c>
      <c r="K85" s="7" t="s">
        <v>202</v>
      </c>
      <c r="L85" s="10" t="s">
        <v>24</v>
      </c>
      <c r="M85" s="11" t="s">
        <v>47</v>
      </c>
      <c r="N85" s="7" t="s">
        <v>498</v>
      </c>
      <c r="O85" s="12"/>
    </row>
    <row r="86" spans="2:15" ht="52.85" x14ac:dyDescent="0.2">
      <c r="B86" s="16" t="s">
        <v>483</v>
      </c>
      <c r="C86" s="16" t="s">
        <v>187</v>
      </c>
      <c r="D86" s="17" t="s">
        <v>30</v>
      </c>
      <c r="E86" s="16" t="s">
        <v>492</v>
      </c>
      <c r="F86" s="18" t="s">
        <v>85</v>
      </c>
      <c r="G86" s="18" t="s">
        <v>85</v>
      </c>
      <c r="H86" s="16" t="s">
        <v>488</v>
      </c>
      <c r="I86" s="16" t="s">
        <v>489</v>
      </c>
      <c r="J86" s="16" t="s">
        <v>488</v>
      </c>
      <c r="K86" s="16" t="s">
        <v>493</v>
      </c>
      <c r="L86" s="19" t="s">
        <v>120</v>
      </c>
      <c r="M86" s="20" t="s">
        <v>47</v>
      </c>
      <c r="N86" s="16" t="s">
        <v>488</v>
      </c>
      <c r="O86" s="12"/>
    </row>
    <row r="87" spans="2:15" ht="70.45" x14ac:dyDescent="0.2">
      <c r="B87" s="7" t="s">
        <v>483</v>
      </c>
      <c r="C87" s="7" t="s">
        <v>510</v>
      </c>
      <c r="D87" s="8" t="s">
        <v>30</v>
      </c>
      <c r="E87" s="7" t="s">
        <v>511</v>
      </c>
      <c r="F87" s="9" t="s">
        <v>85</v>
      </c>
      <c r="G87" s="9" t="s">
        <v>85</v>
      </c>
      <c r="H87" s="7" t="s">
        <v>496</v>
      </c>
      <c r="I87" s="7" t="s">
        <v>497</v>
      </c>
      <c r="J87" s="7" t="s">
        <v>498</v>
      </c>
      <c r="K87" s="7" t="s">
        <v>46</v>
      </c>
      <c r="L87" s="10" t="s">
        <v>24</v>
      </c>
      <c r="M87" s="11" t="s">
        <v>47</v>
      </c>
      <c r="N87" s="7" t="s">
        <v>498</v>
      </c>
      <c r="O87" s="12" t="s">
        <v>499</v>
      </c>
    </row>
    <row r="88" spans="2:15" ht="35.25" x14ac:dyDescent="0.2">
      <c r="B88" s="16" t="s">
        <v>512</v>
      </c>
      <c r="C88" s="16" t="s">
        <v>513</v>
      </c>
      <c r="D88" s="17" t="s">
        <v>30</v>
      </c>
      <c r="E88" s="16" t="s">
        <v>514</v>
      </c>
      <c r="F88" s="18" t="s">
        <v>140</v>
      </c>
      <c r="G88" s="18" t="s">
        <v>140</v>
      </c>
      <c r="H88" s="16" t="s">
        <v>515</v>
      </c>
      <c r="I88" s="16" t="s">
        <v>516</v>
      </c>
      <c r="J88" s="16" t="s">
        <v>515</v>
      </c>
      <c r="K88" s="16" t="s">
        <v>517</v>
      </c>
      <c r="L88" s="19" t="s">
        <v>24</v>
      </c>
      <c r="M88" s="20" t="s">
        <v>25</v>
      </c>
      <c r="N88" s="16" t="s">
        <v>515</v>
      </c>
      <c r="O88" s="12" t="s">
        <v>518</v>
      </c>
    </row>
    <row r="89" spans="2:15" ht="35.25" x14ac:dyDescent="0.2">
      <c r="B89" s="16" t="s">
        <v>512</v>
      </c>
      <c r="C89" s="16" t="s">
        <v>519</v>
      </c>
      <c r="D89" s="17" t="s">
        <v>30</v>
      </c>
      <c r="E89" s="16" t="s">
        <v>520</v>
      </c>
      <c r="F89" s="18" t="s">
        <v>140</v>
      </c>
      <c r="G89" s="18" t="s">
        <v>140</v>
      </c>
      <c r="H89" s="16" t="s">
        <v>515</v>
      </c>
      <c r="I89" s="16" t="s">
        <v>516</v>
      </c>
      <c r="J89" s="16" t="s">
        <v>515</v>
      </c>
      <c r="K89" s="16" t="s">
        <v>517</v>
      </c>
      <c r="L89" s="19" t="s">
        <v>24</v>
      </c>
      <c r="M89" s="20" t="s">
        <v>47</v>
      </c>
      <c r="N89" s="16" t="s">
        <v>515</v>
      </c>
      <c r="O89" s="12" t="s">
        <v>518</v>
      </c>
    </row>
    <row r="90" spans="2:15" ht="35.25" x14ac:dyDescent="0.2">
      <c r="B90" s="7" t="s">
        <v>512</v>
      </c>
      <c r="C90" s="7" t="s">
        <v>521</v>
      </c>
      <c r="D90" s="8" t="s">
        <v>30</v>
      </c>
      <c r="E90" s="7" t="s">
        <v>522</v>
      </c>
      <c r="F90" s="9" t="s">
        <v>19</v>
      </c>
      <c r="G90" s="9" t="s">
        <v>19</v>
      </c>
      <c r="H90" s="7" t="s">
        <v>523</v>
      </c>
      <c r="I90" s="7" t="s">
        <v>524</v>
      </c>
      <c r="J90" s="7" t="s">
        <v>525</v>
      </c>
      <c r="K90" s="7" t="s">
        <v>526</v>
      </c>
      <c r="L90" s="10" t="s">
        <v>24</v>
      </c>
      <c r="M90" s="11" t="s">
        <v>47</v>
      </c>
      <c r="N90" s="7" t="s">
        <v>527</v>
      </c>
      <c r="O90" s="12"/>
    </row>
    <row r="91" spans="2:15" ht="52.85" x14ac:dyDescent="0.2">
      <c r="B91" s="7" t="s">
        <v>512</v>
      </c>
      <c r="C91" s="7" t="s">
        <v>528</v>
      </c>
      <c r="D91" s="8" t="s">
        <v>17</v>
      </c>
      <c r="E91" s="7" t="s">
        <v>529</v>
      </c>
      <c r="F91" s="9" t="s">
        <v>530</v>
      </c>
      <c r="G91" s="9" t="s">
        <v>531</v>
      </c>
      <c r="H91" s="14" t="s">
        <v>532</v>
      </c>
      <c r="I91" s="7" t="s">
        <v>533</v>
      </c>
      <c r="J91" s="7" t="s">
        <v>260</v>
      </c>
      <c r="K91" s="7" t="s">
        <v>534</v>
      </c>
      <c r="L91" s="10" t="s">
        <v>24</v>
      </c>
      <c r="M91" s="11" t="s">
        <v>25</v>
      </c>
      <c r="N91" s="7" t="s">
        <v>535</v>
      </c>
      <c r="O91" s="12" t="s">
        <v>536</v>
      </c>
    </row>
    <row r="92" spans="2:15" ht="52.85" x14ac:dyDescent="0.2">
      <c r="B92" s="7" t="s">
        <v>537</v>
      </c>
      <c r="C92" s="7" t="s">
        <v>440</v>
      </c>
      <c r="D92" s="8" t="s">
        <v>30</v>
      </c>
      <c r="E92" s="7" t="s">
        <v>538</v>
      </c>
      <c r="F92" s="9" t="s">
        <v>539</v>
      </c>
      <c r="G92" s="9" t="s">
        <v>32</v>
      </c>
      <c r="H92" s="7" t="s">
        <v>540</v>
      </c>
      <c r="I92" s="7" t="s">
        <v>541</v>
      </c>
      <c r="J92" s="7" t="s">
        <v>542</v>
      </c>
      <c r="K92" s="7" t="s">
        <v>543</v>
      </c>
      <c r="L92" s="10" t="s">
        <v>24</v>
      </c>
      <c r="M92" s="11" t="s">
        <v>47</v>
      </c>
      <c r="N92" s="7" t="s">
        <v>542</v>
      </c>
      <c r="O92" s="12"/>
    </row>
    <row r="93" spans="2:15" ht="83.3" customHeight="1" x14ac:dyDescent="0.2">
      <c r="B93" s="7" t="s">
        <v>544</v>
      </c>
      <c r="C93" s="7" t="s">
        <v>545</v>
      </c>
      <c r="D93" s="8" t="s">
        <v>30</v>
      </c>
      <c r="E93" s="7" t="s">
        <v>546</v>
      </c>
      <c r="F93" s="9" t="s">
        <v>421</v>
      </c>
      <c r="G93" s="9" t="s">
        <v>421</v>
      </c>
      <c r="H93" s="7" t="s">
        <v>547</v>
      </c>
      <c r="I93" s="7" t="s">
        <v>548</v>
      </c>
      <c r="J93" s="7" t="s">
        <v>549</v>
      </c>
      <c r="K93" s="7" t="s">
        <v>550</v>
      </c>
      <c r="L93" s="10" t="s">
        <v>24</v>
      </c>
      <c r="M93" s="11" t="s">
        <v>47</v>
      </c>
      <c r="N93" s="7" t="s">
        <v>549</v>
      </c>
      <c r="O93" s="12" t="s">
        <v>551</v>
      </c>
    </row>
    <row r="94" spans="2:15" ht="52.85" x14ac:dyDescent="0.2">
      <c r="B94" s="7" t="s">
        <v>544</v>
      </c>
      <c r="C94" s="7" t="s">
        <v>552</v>
      </c>
      <c r="D94" s="8" t="s">
        <v>30</v>
      </c>
      <c r="E94" s="7" t="s">
        <v>553</v>
      </c>
      <c r="F94" s="9" t="s">
        <v>19</v>
      </c>
      <c r="G94" s="9" t="s">
        <v>19</v>
      </c>
      <c r="H94" s="7" t="s">
        <v>547</v>
      </c>
      <c r="I94" s="7" t="s">
        <v>548</v>
      </c>
      <c r="J94" s="7" t="s">
        <v>549</v>
      </c>
      <c r="K94" s="7" t="s">
        <v>550</v>
      </c>
      <c r="L94" s="10" t="s">
        <v>24</v>
      </c>
      <c r="M94" s="11" t="s">
        <v>47</v>
      </c>
      <c r="N94" s="7" t="s">
        <v>549</v>
      </c>
      <c r="O94" s="12" t="s">
        <v>551</v>
      </c>
    </row>
    <row r="95" spans="2:15" ht="38.85" x14ac:dyDescent="0.2">
      <c r="B95" s="7" t="s">
        <v>537</v>
      </c>
      <c r="C95" s="7" t="s">
        <v>445</v>
      </c>
      <c r="D95" s="8" t="s">
        <v>30</v>
      </c>
      <c r="E95" s="7" t="s">
        <v>554</v>
      </c>
      <c r="F95" s="9" t="s">
        <v>19</v>
      </c>
      <c r="G95" s="9" t="s">
        <v>19</v>
      </c>
      <c r="H95" s="7" t="s">
        <v>540</v>
      </c>
      <c r="I95" s="7" t="s">
        <v>541</v>
      </c>
      <c r="J95" s="7" t="s">
        <v>555</v>
      </c>
      <c r="K95" s="7" t="s">
        <v>556</v>
      </c>
      <c r="L95" s="10" t="s">
        <v>24</v>
      </c>
      <c r="M95" s="11" t="s">
        <v>47</v>
      </c>
      <c r="N95" s="7" t="s">
        <v>555</v>
      </c>
      <c r="O95" s="12" t="s">
        <v>557</v>
      </c>
    </row>
    <row r="96" spans="2:15" ht="38.85" x14ac:dyDescent="0.2">
      <c r="B96" s="7" t="s">
        <v>537</v>
      </c>
      <c r="C96" s="7" t="s">
        <v>519</v>
      </c>
      <c r="D96" s="8" t="s">
        <v>30</v>
      </c>
      <c r="E96" s="7" t="s">
        <v>558</v>
      </c>
      <c r="F96" s="9" t="s">
        <v>19</v>
      </c>
      <c r="G96" s="9" t="s">
        <v>19</v>
      </c>
      <c r="H96" s="7" t="s">
        <v>540</v>
      </c>
      <c r="I96" s="7" t="s">
        <v>541</v>
      </c>
      <c r="J96" s="7" t="s">
        <v>542</v>
      </c>
      <c r="K96" s="7" t="s">
        <v>559</v>
      </c>
      <c r="L96" s="10" t="s">
        <v>24</v>
      </c>
      <c r="M96" s="11" t="s">
        <v>47</v>
      </c>
      <c r="N96" s="7" t="s">
        <v>542</v>
      </c>
      <c r="O96" s="12" t="s">
        <v>560</v>
      </c>
    </row>
    <row r="97" spans="2:15" ht="78" customHeight="1" x14ac:dyDescent="0.2">
      <c r="B97" s="7" t="s">
        <v>561</v>
      </c>
      <c r="C97" s="7" t="s">
        <v>562</v>
      </c>
      <c r="D97" s="8" t="s">
        <v>30</v>
      </c>
      <c r="E97" s="7" t="s">
        <v>563</v>
      </c>
      <c r="F97" s="9" t="s">
        <v>32</v>
      </c>
      <c r="G97" s="9" t="s">
        <v>32</v>
      </c>
      <c r="H97" s="7" t="s">
        <v>564</v>
      </c>
      <c r="I97" s="7" t="s">
        <v>565</v>
      </c>
      <c r="J97" s="7" t="s">
        <v>566</v>
      </c>
      <c r="K97" s="7" t="s">
        <v>202</v>
      </c>
      <c r="L97" s="10" t="s">
        <v>248</v>
      </c>
      <c r="M97" s="11" t="s">
        <v>25</v>
      </c>
      <c r="N97" s="7" t="s">
        <v>567</v>
      </c>
      <c r="O97" s="12" t="s">
        <v>568</v>
      </c>
    </row>
    <row r="98" spans="2:15" ht="52.85" x14ac:dyDescent="0.2">
      <c r="B98" s="7" t="s">
        <v>561</v>
      </c>
      <c r="C98" s="7" t="s">
        <v>569</v>
      </c>
      <c r="D98" s="8" t="s">
        <v>30</v>
      </c>
      <c r="E98" s="7" t="s">
        <v>570</v>
      </c>
      <c r="F98" s="9" t="s">
        <v>85</v>
      </c>
      <c r="G98" s="9" t="s">
        <v>85</v>
      </c>
      <c r="H98" s="7" t="s">
        <v>571</v>
      </c>
      <c r="I98" s="7" t="s">
        <v>565</v>
      </c>
      <c r="J98" s="7" t="s">
        <v>572</v>
      </c>
      <c r="K98" s="7" t="s">
        <v>573</v>
      </c>
      <c r="L98" s="10" t="s">
        <v>104</v>
      </c>
      <c r="M98" s="11" t="s">
        <v>47</v>
      </c>
      <c r="N98" s="7" t="s">
        <v>574</v>
      </c>
      <c r="O98" s="12" t="s">
        <v>568</v>
      </c>
    </row>
    <row r="99" spans="2:15" ht="57.75" customHeight="1" x14ac:dyDescent="0.2">
      <c r="B99" s="7" t="s">
        <v>575</v>
      </c>
      <c r="C99" s="7" t="s">
        <v>99</v>
      </c>
      <c r="D99" s="8" t="s">
        <v>30</v>
      </c>
      <c r="E99" s="7" t="s">
        <v>576</v>
      </c>
      <c r="F99" s="9" t="s">
        <v>421</v>
      </c>
      <c r="G99" s="9" t="s">
        <v>421</v>
      </c>
      <c r="H99" s="7" t="s">
        <v>577</v>
      </c>
      <c r="I99" s="7" t="s">
        <v>578</v>
      </c>
      <c r="J99" s="7" t="s">
        <v>577</v>
      </c>
      <c r="K99" s="7" t="s">
        <v>579</v>
      </c>
      <c r="L99" s="10" t="s">
        <v>24</v>
      </c>
      <c r="M99" s="11" t="s">
        <v>47</v>
      </c>
      <c r="N99" s="7" t="s">
        <v>580</v>
      </c>
      <c r="O99" s="12" t="s">
        <v>581</v>
      </c>
    </row>
    <row r="100" spans="2:15" ht="78.75" customHeight="1" x14ac:dyDescent="0.2">
      <c r="B100" s="7" t="s">
        <v>575</v>
      </c>
      <c r="C100" s="7" t="s">
        <v>582</v>
      </c>
      <c r="D100" s="8" t="s">
        <v>30</v>
      </c>
      <c r="E100" s="7" t="s">
        <v>583</v>
      </c>
      <c r="F100" s="9" t="s">
        <v>189</v>
      </c>
      <c r="G100" s="9" t="s">
        <v>234</v>
      </c>
      <c r="H100" s="7" t="s">
        <v>584</v>
      </c>
      <c r="I100" s="7" t="s">
        <v>585</v>
      </c>
      <c r="J100" s="7" t="s">
        <v>586</v>
      </c>
      <c r="K100" s="7" t="s">
        <v>587</v>
      </c>
      <c r="L100" s="10" t="s">
        <v>24</v>
      </c>
      <c r="M100" s="11" t="s">
        <v>47</v>
      </c>
      <c r="N100" s="7" t="s">
        <v>588</v>
      </c>
      <c r="O100" s="12" t="s">
        <v>589</v>
      </c>
    </row>
    <row r="101" spans="2:15" ht="70.45" x14ac:dyDescent="0.2">
      <c r="B101" s="7" t="s">
        <v>575</v>
      </c>
      <c r="C101" s="7" t="s">
        <v>590</v>
      </c>
      <c r="D101" s="8" t="s">
        <v>30</v>
      </c>
      <c r="E101" s="7" t="s">
        <v>591</v>
      </c>
      <c r="F101" s="9" t="s">
        <v>234</v>
      </c>
      <c r="G101" s="9" t="s">
        <v>234</v>
      </c>
      <c r="H101" s="7" t="s">
        <v>592</v>
      </c>
      <c r="I101" s="7" t="s">
        <v>593</v>
      </c>
      <c r="J101" s="7" t="s">
        <v>594</v>
      </c>
      <c r="K101" s="7" t="s">
        <v>595</v>
      </c>
      <c r="L101" s="10" t="s">
        <v>24</v>
      </c>
      <c r="M101" s="11" t="s">
        <v>47</v>
      </c>
      <c r="N101" s="7" t="s">
        <v>596</v>
      </c>
      <c r="O101" s="12" t="s">
        <v>597</v>
      </c>
    </row>
    <row r="102" spans="2:15" ht="35.25" x14ac:dyDescent="0.2">
      <c r="B102" s="7" t="s">
        <v>575</v>
      </c>
      <c r="C102" s="7" t="s">
        <v>598</v>
      </c>
      <c r="D102" s="8" t="s">
        <v>30</v>
      </c>
      <c r="E102" s="7" t="s">
        <v>576</v>
      </c>
      <c r="F102" s="9" t="s">
        <v>85</v>
      </c>
      <c r="G102" s="9" t="s">
        <v>85</v>
      </c>
      <c r="H102" s="7" t="s">
        <v>577</v>
      </c>
      <c r="I102" s="7" t="s">
        <v>578</v>
      </c>
      <c r="J102" s="7" t="s">
        <v>577</v>
      </c>
      <c r="K102" s="7" t="s">
        <v>579</v>
      </c>
      <c r="L102" s="10" t="s">
        <v>24</v>
      </c>
      <c r="M102" s="11" t="s">
        <v>47</v>
      </c>
      <c r="N102" s="7" t="s">
        <v>580</v>
      </c>
      <c r="O102" s="12" t="s">
        <v>581</v>
      </c>
    </row>
    <row r="103" spans="2:15" ht="70.45" x14ac:dyDescent="0.2">
      <c r="B103" s="16" t="s">
        <v>599</v>
      </c>
      <c r="C103" s="16" t="s">
        <v>600</v>
      </c>
      <c r="D103" s="17" t="s">
        <v>30</v>
      </c>
      <c r="E103" s="16" t="s">
        <v>601</v>
      </c>
      <c r="F103" s="18" t="s">
        <v>32</v>
      </c>
      <c r="G103" s="18" t="s">
        <v>32</v>
      </c>
      <c r="H103" s="16" t="s">
        <v>602</v>
      </c>
      <c r="I103" s="16" t="s">
        <v>603</v>
      </c>
      <c r="J103" s="16" t="s">
        <v>604</v>
      </c>
      <c r="K103" s="16" t="s">
        <v>605</v>
      </c>
      <c r="L103" s="19" t="s">
        <v>24</v>
      </c>
      <c r="M103" s="20" t="s">
        <v>47</v>
      </c>
      <c r="N103" s="16" t="s">
        <v>604</v>
      </c>
      <c r="O103" s="12" t="s">
        <v>57</v>
      </c>
    </row>
    <row r="104" spans="2:15" ht="52.85" x14ac:dyDescent="0.2">
      <c r="B104" s="7" t="s">
        <v>599</v>
      </c>
      <c r="C104" s="7" t="s">
        <v>99</v>
      </c>
      <c r="D104" s="8" t="s">
        <v>30</v>
      </c>
      <c r="E104" s="7" t="s">
        <v>606</v>
      </c>
      <c r="F104" s="9" t="s">
        <v>32</v>
      </c>
      <c r="G104" s="9" t="s">
        <v>32</v>
      </c>
      <c r="H104" s="7" t="s">
        <v>607</v>
      </c>
      <c r="I104" s="7" t="s">
        <v>608</v>
      </c>
      <c r="J104" s="7" t="s">
        <v>607</v>
      </c>
      <c r="K104" s="7" t="s">
        <v>609</v>
      </c>
      <c r="L104" s="10" t="s">
        <v>24</v>
      </c>
      <c r="M104" s="11" t="s">
        <v>47</v>
      </c>
      <c r="N104" s="7" t="s">
        <v>607</v>
      </c>
      <c r="O104" s="12" t="s">
        <v>610</v>
      </c>
    </row>
    <row r="105" spans="2:15" ht="81.099999999999994" customHeight="1" x14ac:dyDescent="0.2">
      <c r="B105" s="16" t="s">
        <v>611</v>
      </c>
      <c r="C105" s="16" t="s">
        <v>612</v>
      </c>
      <c r="D105" s="17" t="s">
        <v>30</v>
      </c>
      <c r="E105" s="16" t="s">
        <v>613</v>
      </c>
      <c r="F105" s="18" t="s">
        <v>69</v>
      </c>
      <c r="G105" s="18" t="s">
        <v>69</v>
      </c>
      <c r="H105" s="16" t="s">
        <v>602</v>
      </c>
      <c r="I105" s="16" t="s">
        <v>603</v>
      </c>
      <c r="J105" s="16" t="s">
        <v>604</v>
      </c>
      <c r="K105" s="16" t="s">
        <v>614</v>
      </c>
      <c r="L105" s="19" t="s">
        <v>24</v>
      </c>
      <c r="M105" s="20" t="s">
        <v>47</v>
      </c>
      <c r="N105" s="16" t="s">
        <v>604</v>
      </c>
      <c r="O105" s="12" t="s">
        <v>57</v>
      </c>
    </row>
    <row r="106" spans="2:15" ht="52.85" x14ac:dyDescent="0.2">
      <c r="B106" s="7" t="s">
        <v>599</v>
      </c>
      <c r="C106" s="7" t="s">
        <v>615</v>
      </c>
      <c r="D106" s="8" t="s">
        <v>30</v>
      </c>
      <c r="E106" s="7" t="s">
        <v>616</v>
      </c>
      <c r="F106" s="9" t="s">
        <v>19</v>
      </c>
      <c r="G106" s="9" t="s">
        <v>72</v>
      </c>
      <c r="H106" s="7" t="s">
        <v>607</v>
      </c>
      <c r="I106" s="7" t="s">
        <v>608</v>
      </c>
      <c r="J106" s="7" t="s">
        <v>607</v>
      </c>
      <c r="K106" s="7" t="s">
        <v>617</v>
      </c>
      <c r="L106" s="10" t="s">
        <v>104</v>
      </c>
      <c r="M106" s="11" t="s">
        <v>25</v>
      </c>
      <c r="N106" s="7" t="s">
        <v>607</v>
      </c>
      <c r="O106" s="12" t="s">
        <v>610</v>
      </c>
    </row>
    <row r="107" spans="2:15" ht="84.05" customHeight="1" x14ac:dyDescent="0.2">
      <c r="B107" s="16" t="s">
        <v>611</v>
      </c>
      <c r="C107" s="16" t="s">
        <v>612</v>
      </c>
      <c r="D107" s="17" t="s">
        <v>30</v>
      </c>
      <c r="E107" s="16" t="s">
        <v>613</v>
      </c>
      <c r="F107" s="18" t="s">
        <v>85</v>
      </c>
      <c r="G107" s="18" t="s">
        <v>85</v>
      </c>
      <c r="H107" s="16" t="s">
        <v>602</v>
      </c>
      <c r="I107" s="16" t="s">
        <v>603</v>
      </c>
      <c r="J107" s="16" t="s">
        <v>604</v>
      </c>
      <c r="K107" s="16" t="s">
        <v>614</v>
      </c>
      <c r="L107" s="19" t="s">
        <v>24</v>
      </c>
      <c r="M107" s="20" t="s">
        <v>47</v>
      </c>
      <c r="N107" s="16" t="s">
        <v>604</v>
      </c>
      <c r="O107" s="12" t="s">
        <v>57</v>
      </c>
    </row>
    <row r="108" spans="2:15" ht="52.85" x14ac:dyDescent="0.2">
      <c r="B108" s="7" t="s">
        <v>618</v>
      </c>
      <c r="C108" s="7" t="s">
        <v>619</v>
      </c>
      <c r="D108" s="8" t="s">
        <v>30</v>
      </c>
      <c r="E108" s="7" t="s">
        <v>620</v>
      </c>
      <c r="F108" s="9" t="s">
        <v>243</v>
      </c>
      <c r="G108" s="9" t="s">
        <v>180</v>
      </c>
      <c r="H108" s="7" t="s">
        <v>621</v>
      </c>
      <c r="I108" s="7" t="s">
        <v>622</v>
      </c>
      <c r="J108" s="7" t="s">
        <v>623</v>
      </c>
      <c r="K108" s="7" t="s">
        <v>624</v>
      </c>
      <c r="L108" s="10" t="s">
        <v>24</v>
      </c>
      <c r="M108" s="11" t="s">
        <v>25</v>
      </c>
      <c r="N108" s="7" t="s">
        <v>625</v>
      </c>
      <c r="O108" s="12" t="s">
        <v>626</v>
      </c>
    </row>
    <row r="109" spans="2:15" ht="70.45" x14ac:dyDescent="0.2">
      <c r="B109" s="7" t="s">
        <v>618</v>
      </c>
      <c r="C109" s="14" t="s">
        <v>627</v>
      </c>
      <c r="D109" s="8" t="s">
        <v>30</v>
      </c>
      <c r="E109" s="14" t="s">
        <v>628</v>
      </c>
      <c r="F109" s="9" t="s">
        <v>189</v>
      </c>
      <c r="G109" s="9" t="s">
        <v>189</v>
      </c>
      <c r="H109" s="7" t="s">
        <v>621</v>
      </c>
      <c r="I109" s="7" t="s">
        <v>622</v>
      </c>
      <c r="J109" s="7" t="s">
        <v>623</v>
      </c>
      <c r="K109" s="7" t="s">
        <v>629</v>
      </c>
      <c r="L109" s="10" t="s">
        <v>24</v>
      </c>
      <c r="M109" s="11" t="s">
        <v>47</v>
      </c>
      <c r="N109" s="7" t="s">
        <v>630</v>
      </c>
      <c r="O109" s="12" t="s">
        <v>626</v>
      </c>
    </row>
    <row r="110" spans="2:15" ht="52.85" x14ac:dyDescent="0.2">
      <c r="B110" s="16" t="s">
        <v>618</v>
      </c>
      <c r="C110" s="16" t="s">
        <v>631</v>
      </c>
      <c r="D110" s="17" t="s">
        <v>30</v>
      </c>
      <c r="E110" s="16" t="s">
        <v>632</v>
      </c>
      <c r="F110" s="18" t="s">
        <v>234</v>
      </c>
      <c r="G110" s="18" t="s">
        <v>234</v>
      </c>
      <c r="H110" s="16" t="s">
        <v>633</v>
      </c>
      <c r="I110" s="16" t="s">
        <v>634</v>
      </c>
      <c r="J110" s="16" t="s">
        <v>633</v>
      </c>
      <c r="K110" s="16" t="s">
        <v>635</v>
      </c>
      <c r="L110" s="19" t="s">
        <v>24</v>
      </c>
      <c r="M110" s="20" t="s">
        <v>25</v>
      </c>
      <c r="N110" s="16" t="s">
        <v>636</v>
      </c>
      <c r="O110" s="12" t="s">
        <v>637</v>
      </c>
    </row>
    <row r="111" spans="2:15" ht="81.099999999999994" customHeight="1" x14ac:dyDescent="0.2">
      <c r="B111" s="7" t="s">
        <v>618</v>
      </c>
      <c r="C111" s="7" t="s">
        <v>638</v>
      </c>
      <c r="D111" s="8" t="s">
        <v>30</v>
      </c>
      <c r="E111" s="7" t="s">
        <v>639</v>
      </c>
      <c r="F111" s="9" t="s">
        <v>206</v>
      </c>
      <c r="G111" s="9" t="s">
        <v>206</v>
      </c>
      <c r="H111" s="7" t="s">
        <v>640</v>
      </c>
      <c r="I111" s="7" t="s">
        <v>641</v>
      </c>
      <c r="J111" s="7" t="s">
        <v>640</v>
      </c>
      <c r="K111" s="7" t="s">
        <v>642</v>
      </c>
      <c r="L111" s="10" t="s">
        <v>24</v>
      </c>
      <c r="M111" s="11" t="s">
        <v>25</v>
      </c>
      <c r="N111" s="7" t="s">
        <v>640</v>
      </c>
      <c r="O111" s="12" t="str">
        <f>HYPERLINK("#", "https://www.pen-kanagawa.ed.jp/yamatohigashi-h/
")</f>
        <v xml:space="preserve">https://www.pen-kanagawa.ed.jp/yamatohigashi-h/
</v>
      </c>
    </row>
    <row r="112" spans="2:15" ht="52.85" x14ac:dyDescent="0.2">
      <c r="B112" s="7" t="s">
        <v>618</v>
      </c>
      <c r="C112" s="7" t="s">
        <v>643</v>
      </c>
      <c r="D112" s="8" t="s">
        <v>30</v>
      </c>
      <c r="E112" s="7" t="s">
        <v>644</v>
      </c>
      <c r="F112" s="9" t="s">
        <v>85</v>
      </c>
      <c r="G112" s="9" t="s">
        <v>85</v>
      </c>
      <c r="H112" s="7" t="s">
        <v>640</v>
      </c>
      <c r="I112" s="7" t="s">
        <v>641</v>
      </c>
      <c r="J112" s="7" t="s">
        <v>640</v>
      </c>
      <c r="K112" s="7" t="s">
        <v>645</v>
      </c>
      <c r="L112" s="10" t="s">
        <v>24</v>
      </c>
      <c r="M112" s="11" t="s">
        <v>47</v>
      </c>
      <c r="N112" s="7" t="s">
        <v>640</v>
      </c>
      <c r="O112" s="12" t="str">
        <f>HYPERLINK("#", "https://www.pen-kanagawa.ed.jp/yamatohigashi-h/
")</f>
        <v xml:space="preserve">https://www.pen-kanagawa.ed.jp/yamatohigashi-h/
</v>
      </c>
    </row>
    <row r="113" spans="2:15" ht="35.25" x14ac:dyDescent="0.2">
      <c r="B113" s="7" t="s">
        <v>646</v>
      </c>
      <c r="C113" s="7" t="s">
        <v>647</v>
      </c>
      <c r="D113" s="8" t="s">
        <v>30</v>
      </c>
      <c r="E113" s="7" t="s">
        <v>648</v>
      </c>
      <c r="F113" s="9" t="s">
        <v>19</v>
      </c>
      <c r="G113" s="9" t="s">
        <v>19</v>
      </c>
      <c r="H113" s="7" t="s">
        <v>649</v>
      </c>
      <c r="I113" s="7" t="s">
        <v>650</v>
      </c>
      <c r="J113" s="7" t="s">
        <v>651</v>
      </c>
      <c r="K113" s="7" t="s">
        <v>652</v>
      </c>
      <c r="L113" s="10" t="s">
        <v>24</v>
      </c>
      <c r="M113" s="11" t="s">
        <v>47</v>
      </c>
      <c r="N113" s="7" t="s">
        <v>653</v>
      </c>
      <c r="O113" s="12" t="s">
        <v>654</v>
      </c>
    </row>
    <row r="114" spans="2:15" ht="52.85" x14ac:dyDescent="0.2">
      <c r="B114" s="7" t="s">
        <v>655</v>
      </c>
      <c r="C114" s="7" t="s">
        <v>656</v>
      </c>
      <c r="D114" s="8" t="s">
        <v>30</v>
      </c>
      <c r="E114" s="7" t="s">
        <v>657</v>
      </c>
      <c r="F114" s="9" t="s">
        <v>19</v>
      </c>
      <c r="G114" s="9" t="s">
        <v>19</v>
      </c>
      <c r="H114" s="7" t="s">
        <v>658</v>
      </c>
      <c r="I114" s="7" t="s">
        <v>659</v>
      </c>
      <c r="J114" s="7" t="s">
        <v>660</v>
      </c>
      <c r="K114" s="7" t="s">
        <v>661</v>
      </c>
      <c r="L114" s="10" t="s">
        <v>24</v>
      </c>
      <c r="M114" s="11" t="s">
        <v>47</v>
      </c>
      <c r="N114" s="7" t="s">
        <v>662</v>
      </c>
      <c r="O114" s="12"/>
    </row>
    <row r="115" spans="2:15" ht="52.85" x14ac:dyDescent="0.2">
      <c r="B115" s="7" t="s">
        <v>655</v>
      </c>
      <c r="C115" s="7" t="s">
        <v>67</v>
      </c>
      <c r="D115" s="8" t="s">
        <v>30</v>
      </c>
      <c r="E115" s="7" t="s">
        <v>663</v>
      </c>
      <c r="F115" s="9" t="s">
        <v>189</v>
      </c>
      <c r="G115" s="9" t="s">
        <v>189</v>
      </c>
      <c r="H115" s="7" t="s">
        <v>664</v>
      </c>
      <c r="I115" s="7" t="s">
        <v>665</v>
      </c>
      <c r="J115" s="7" t="s">
        <v>666</v>
      </c>
      <c r="K115" s="7" t="s">
        <v>667</v>
      </c>
      <c r="L115" s="10" t="s">
        <v>24</v>
      </c>
      <c r="M115" s="11" t="s">
        <v>25</v>
      </c>
      <c r="N115" s="7" t="s">
        <v>668</v>
      </c>
      <c r="O115" s="12" t="s">
        <v>669</v>
      </c>
    </row>
    <row r="116" spans="2:15" ht="94.55" customHeight="1" x14ac:dyDescent="0.2">
      <c r="B116" s="16" t="s">
        <v>670</v>
      </c>
      <c r="C116" s="16" t="s">
        <v>671</v>
      </c>
      <c r="D116" s="17" t="s">
        <v>30</v>
      </c>
      <c r="E116" s="16" t="s">
        <v>672</v>
      </c>
      <c r="F116" s="18" t="s">
        <v>673</v>
      </c>
      <c r="G116" s="18" t="s">
        <v>673</v>
      </c>
      <c r="H116" s="16" t="s">
        <v>674</v>
      </c>
      <c r="I116" s="16" t="s">
        <v>675</v>
      </c>
      <c r="J116" s="16" t="s">
        <v>676</v>
      </c>
      <c r="K116" s="16" t="s">
        <v>677</v>
      </c>
      <c r="L116" s="19" t="s">
        <v>24</v>
      </c>
      <c r="M116" s="20" t="s">
        <v>47</v>
      </c>
      <c r="N116" s="16" t="s">
        <v>676</v>
      </c>
      <c r="O116" s="12"/>
    </row>
    <row r="117" spans="2:15" ht="52.85" x14ac:dyDescent="0.2">
      <c r="B117" s="7" t="s">
        <v>678</v>
      </c>
      <c r="C117" s="7" t="s">
        <v>494</v>
      </c>
      <c r="D117" s="8" t="s">
        <v>30</v>
      </c>
      <c r="E117" s="7" t="s">
        <v>679</v>
      </c>
      <c r="F117" s="9" t="s">
        <v>421</v>
      </c>
      <c r="G117" s="9" t="s">
        <v>421</v>
      </c>
      <c r="H117" s="7" t="s">
        <v>680</v>
      </c>
      <c r="I117" s="7" t="s">
        <v>681</v>
      </c>
      <c r="J117" s="7" t="s">
        <v>549</v>
      </c>
      <c r="K117" s="7" t="s">
        <v>550</v>
      </c>
      <c r="L117" s="10" t="s">
        <v>24</v>
      </c>
      <c r="M117" s="11" t="s">
        <v>47</v>
      </c>
      <c r="N117" s="7" t="s">
        <v>549</v>
      </c>
      <c r="O117" s="12" t="s">
        <v>551</v>
      </c>
    </row>
    <row r="118" spans="2:15" ht="35.25" x14ac:dyDescent="0.2">
      <c r="B118" s="7" t="s">
        <v>682</v>
      </c>
      <c r="C118" s="7" t="s">
        <v>683</v>
      </c>
      <c r="D118" s="8" t="s">
        <v>30</v>
      </c>
      <c r="E118" s="7" t="s">
        <v>684</v>
      </c>
      <c r="F118" s="9" t="s">
        <v>243</v>
      </c>
      <c r="G118" s="9" t="s">
        <v>243</v>
      </c>
      <c r="H118" s="7" t="s">
        <v>685</v>
      </c>
      <c r="I118" s="7" t="s">
        <v>686</v>
      </c>
      <c r="J118" s="7" t="s">
        <v>687</v>
      </c>
      <c r="K118" s="7" t="s">
        <v>688</v>
      </c>
      <c r="L118" s="10" t="s">
        <v>104</v>
      </c>
      <c r="M118" s="11" t="s">
        <v>689</v>
      </c>
      <c r="N118" s="7" t="s">
        <v>687</v>
      </c>
      <c r="O118" s="12" t="s">
        <v>690</v>
      </c>
    </row>
    <row r="119" spans="2:15" ht="35.25" x14ac:dyDescent="0.2">
      <c r="B119" s="7" t="s">
        <v>682</v>
      </c>
      <c r="C119" s="7" t="s">
        <v>691</v>
      </c>
      <c r="D119" s="8" t="s">
        <v>30</v>
      </c>
      <c r="E119" s="7" t="s">
        <v>692</v>
      </c>
      <c r="F119" s="9" t="s">
        <v>85</v>
      </c>
      <c r="G119" s="9" t="s">
        <v>693</v>
      </c>
      <c r="H119" s="7" t="s">
        <v>694</v>
      </c>
      <c r="I119" s="7" t="s">
        <v>686</v>
      </c>
      <c r="J119" s="7" t="s">
        <v>687</v>
      </c>
      <c r="K119" s="7" t="s">
        <v>688</v>
      </c>
      <c r="L119" s="10" t="s">
        <v>104</v>
      </c>
      <c r="M119" s="11" t="s">
        <v>689</v>
      </c>
      <c r="N119" s="7" t="s">
        <v>687</v>
      </c>
      <c r="O119" s="12" t="s">
        <v>690</v>
      </c>
    </row>
    <row r="120" spans="2:15" ht="35.25" x14ac:dyDescent="0.2">
      <c r="B120" s="7" t="s">
        <v>695</v>
      </c>
      <c r="C120" s="7" t="s">
        <v>696</v>
      </c>
      <c r="D120" s="8" t="s">
        <v>30</v>
      </c>
      <c r="E120" s="7" t="s">
        <v>697</v>
      </c>
      <c r="F120" s="9" t="s">
        <v>243</v>
      </c>
      <c r="G120" s="9" t="s">
        <v>243</v>
      </c>
      <c r="H120" s="7" t="s">
        <v>698</v>
      </c>
      <c r="I120" s="7" t="s">
        <v>699</v>
      </c>
      <c r="J120" s="7" t="s">
        <v>698</v>
      </c>
      <c r="K120" s="7" t="s">
        <v>46</v>
      </c>
      <c r="L120" s="10" t="s">
        <v>24</v>
      </c>
      <c r="M120" s="11" t="s">
        <v>47</v>
      </c>
      <c r="N120" s="7" t="s">
        <v>698</v>
      </c>
      <c r="O120" s="12"/>
    </row>
    <row r="121" spans="2:15" ht="35.25" x14ac:dyDescent="0.2">
      <c r="B121" s="7" t="s">
        <v>695</v>
      </c>
      <c r="C121" s="7" t="s">
        <v>700</v>
      </c>
      <c r="D121" s="8" t="s">
        <v>30</v>
      </c>
      <c r="E121" s="7" t="s">
        <v>697</v>
      </c>
      <c r="F121" s="9" t="s">
        <v>189</v>
      </c>
      <c r="G121" s="9" t="s">
        <v>189</v>
      </c>
      <c r="H121" s="7" t="s">
        <v>698</v>
      </c>
      <c r="I121" s="7" t="s">
        <v>699</v>
      </c>
      <c r="J121" s="7" t="s">
        <v>698</v>
      </c>
      <c r="K121" s="7" t="s">
        <v>46</v>
      </c>
      <c r="L121" s="10" t="s">
        <v>24</v>
      </c>
      <c r="M121" s="11" t="s">
        <v>47</v>
      </c>
      <c r="N121" s="7" t="s">
        <v>698</v>
      </c>
      <c r="O121" s="12"/>
    </row>
    <row r="122" spans="2:15" ht="52.85" x14ac:dyDescent="0.2">
      <c r="B122" s="7" t="s">
        <v>701</v>
      </c>
      <c r="C122" s="7" t="s">
        <v>702</v>
      </c>
      <c r="D122" s="8" t="s">
        <v>30</v>
      </c>
      <c r="E122" s="7" t="s">
        <v>703</v>
      </c>
      <c r="F122" s="21" t="s">
        <v>19</v>
      </c>
      <c r="G122" s="21" t="s">
        <v>19</v>
      </c>
      <c r="H122" s="7" t="s">
        <v>704</v>
      </c>
      <c r="I122" s="7" t="s">
        <v>705</v>
      </c>
      <c r="J122" s="7" t="s">
        <v>706</v>
      </c>
      <c r="K122" s="7" t="s">
        <v>707</v>
      </c>
      <c r="L122" s="10" t="s">
        <v>104</v>
      </c>
      <c r="M122" s="11" t="s">
        <v>47</v>
      </c>
      <c r="N122" s="7" t="s">
        <v>706</v>
      </c>
      <c r="O122" s="12" t="s">
        <v>708</v>
      </c>
    </row>
    <row r="123" spans="2:15" ht="35.25" x14ac:dyDescent="0.2">
      <c r="B123" s="7" t="s">
        <v>709</v>
      </c>
      <c r="C123" s="7" t="s">
        <v>29</v>
      </c>
      <c r="D123" s="8" t="s">
        <v>30</v>
      </c>
      <c r="E123" s="7" t="s">
        <v>710</v>
      </c>
      <c r="F123" s="21" t="s">
        <v>711</v>
      </c>
      <c r="G123" s="21" t="s">
        <v>712</v>
      </c>
      <c r="H123" s="7" t="s">
        <v>713</v>
      </c>
      <c r="I123" s="7" t="s">
        <v>714</v>
      </c>
      <c r="J123" s="7" t="s">
        <v>715</v>
      </c>
      <c r="K123" s="7" t="s">
        <v>128</v>
      </c>
      <c r="L123" s="10" t="s">
        <v>24</v>
      </c>
      <c r="M123" s="11" t="s">
        <v>47</v>
      </c>
      <c r="N123" s="7" t="s">
        <v>715</v>
      </c>
      <c r="O123" s="12" t="s">
        <v>716</v>
      </c>
    </row>
    <row r="124" spans="2:15" ht="52.85" x14ac:dyDescent="0.2">
      <c r="B124" s="7" t="s">
        <v>709</v>
      </c>
      <c r="C124" s="7" t="s">
        <v>717</v>
      </c>
      <c r="D124" s="8" t="s">
        <v>718</v>
      </c>
      <c r="E124" s="7" t="s">
        <v>719</v>
      </c>
      <c r="F124" s="9" t="s">
        <v>69</v>
      </c>
      <c r="G124" s="9" t="s">
        <v>69</v>
      </c>
      <c r="H124" s="7" t="s">
        <v>720</v>
      </c>
      <c r="I124" s="7" t="s">
        <v>721</v>
      </c>
      <c r="J124" s="7" t="s">
        <v>715</v>
      </c>
      <c r="K124" s="7" t="s">
        <v>722</v>
      </c>
      <c r="L124" s="10" t="s">
        <v>24</v>
      </c>
      <c r="M124" s="11" t="s">
        <v>47</v>
      </c>
      <c r="N124" s="7" t="s">
        <v>715</v>
      </c>
      <c r="O124" s="12" t="s">
        <v>716</v>
      </c>
    </row>
    <row r="125" spans="2:15" ht="35.25" x14ac:dyDescent="0.2">
      <c r="B125" s="7" t="s">
        <v>709</v>
      </c>
      <c r="C125" s="7" t="s">
        <v>723</v>
      </c>
      <c r="D125" s="8" t="s">
        <v>718</v>
      </c>
      <c r="E125" s="7" t="s">
        <v>724</v>
      </c>
      <c r="F125" s="9" t="s">
        <v>85</v>
      </c>
      <c r="G125" s="9" t="s">
        <v>85</v>
      </c>
      <c r="H125" s="7" t="s">
        <v>725</v>
      </c>
      <c r="I125" s="7" t="s">
        <v>726</v>
      </c>
      <c r="J125" s="7" t="s">
        <v>715</v>
      </c>
      <c r="K125" s="7" t="s">
        <v>722</v>
      </c>
      <c r="L125" s="10" t="s">
        <v>24</v>
      </c>
      <c r="M125" s="11" t="s">
        <v>47</v>
      </c>
      <c r="N125" s="7" t="s">
        <v>715</v>
      </c>
      <c r="O125" s="12" t="s">
        <v>716</v>
      </c>
    </row>
  </sheetData>
  <sheetProtection insertRows="0" insertHyperlinks="0" deleteRows="0" sort="0" autoFilter="0"/>
  <mergeCells count="1">
    <mergeCell ref="B1:O1"/>
  </mergeCells>
  <phoneticPr fontId="3"/>
  <hyperlinks>
    <hyperlink ref="O60"/>
    <hyperlink ref="O4" r:id="rId1"/>
    <hyperlink ref="O11" r:id="rId2"/>
    <hyperlink ref="O10" r:id="rId3"/>
    <hyperlink ref="O6:O8" r:id="rId4" display="https://www.pen-kanagawa.ed.jp/kanagawa-th/zennichi/index.html"/>
    <hyperlink ref="O14" r:id="rId5"/>
    <hyperlink ref="O15" r:id="rId6"/>
    <hyperlink ref="O19" r:id="rId7"/>
    <hyperlink ref="O22" r:id="rId8"/>
    <hyperlink ref="O23" r:id="rId9"/>
    <hyperlink ref="O24" r:id="rId10"/>
    <hyperlink ref="O25" r:id="rId11"/>
    <hyperlink ref="O26" r:id="rId12"/>
    <hyperlink ref="O28" r:id="rId13"/>
    <hyperlink ref="O29" r:id="rId14"/>
    <hyperlink ref="O30" r:id="rId15"/>
    <hyperlink ref="O33" r:id="rId16"/>
    <hyperlink ref="O34" r:id="rId17"/>
    <hyperlink ref="O43" r:id="rId18"/>
    <hyperlink ref="O40" r:id="rId19"/>
    <hyperlink ref="O44" r:id="rId20"/>
    <hyperlink ref="O64" r:id="rId21"/>
    <hyperlink ref="O66" r:id="rId22"/>
    <hyperlink ref="O65" r:id="rId23"/>
    <hyperlink ref="O3" r:id="rId24"/>
    <hyperlink ref="O69" r:id="rId25"/>
    <hyperlink ref="O67" r:id="rId26"/>
    <hyperlink ref="O77" r:id="rId27"/>
    <hyperlink ref="O79" r:id="rId28"/>
    <hyperlink ref="O91" r:id="rId29"/>
    <hyperlink ref="O95" r:id="rId30"/>
    <hyperlink ref="O62" r:id="rId31"/>
    <hyperlink ref="O57" r:id="rId32"/>
    <hyperlink ref="O61" r:id="rId33"/>
    <hyperlink ref="O63" r:id="rId34"/>
    <hyperlink ref="O55" r:id="rId35"/>
    <hyperlink ref="O59" r:id="rId36"/>
    <hyperlink ref="O99" r:id="rId37"/>
    <hyperlink ref="O102" r:id="rId38"/>
    <hyperlink ref="O100" r:id="rId39"/>
    <hyperlink ref="O101" r:id="rId40"/>
    <hyperlink ref="O104" r:id="rId41"/>
    <hyperlink ref="O110" r:id="rId42"/>
    <hyperlink ref="O113" r:id="rId43"/>
    <hyperlink ref="O115" r:id="rId44"/>
    <hyperlink ref="O118" r:id="rId45"/>
    <hyperlink ref="O119" r:id="rId46"/>
    <hyperlink ref="O122" r:id="rId47"/>
    <hyperlink ref="O74" r:id="rId48"/>
    <hyperlink ref="O96" r:id="rId49"/>
    <hyperlink ref="O54" r:id="rId50"/>
    <hyperlink ref="O108" r:id="rId51"/>
    <hyperlink ref="O109" r:id="rId52"/>
    <hyperlink ref="O112"/>
    <hyperlink ref="O58"/>
  </hyperlinks>
  <pageMargins left="0.31496062992125984" right="0.11811023622047245" top="0.35433070866141736" bottom="0.15748031496062992" header="0.31496062992125984" footer="0.31496062992125984"/>
  <pageSetup paperSize="9" scale="50" fitToHeight="0" orientation="landscape" r:id="rId53"/>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HP掲載用</vt:lpstr>
      <vt:lpstr>HP掲載用!Print_Area</vt:lpstr>
      <vt:lpstr>HP掲載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3-06T05:28:23Z</dcterms:created>
  <dcterms:modified xsi:type="dcterms:W3CDTF">2024-03-06T05:29:03Z</dcterms:modified>
</cp:coreProperties>
</file>